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426"/>
  <workbookPr defaultThemeVersion="166925"/>
  <mc:AlternateContent xmlns:mc="http://schemas.openxmlformats.org/markup-compatibility/2006">
    <mc:Choice Requires="x15">
      <x15ac:absPath xmlns:x15ac="http://schemas.microsoft.com/office/spreadsheetml/2010/11/ac" url="C:\Users\s20425006\Downloads\"/>
    </mc:Choice>
  </mc:AlternateContent>
  <xr:revisionPtr revIDLastSave="0" documentId="13_ncr:1_{9FA3A894-3638-4174-8825-08620495FF43}" xr6:coauthVersionLast="47" xr6:coauthVersionMax="47" xr10:uidLastSave="{00000000-0000-0000-0000-000000000000}"/>
  <bookViews>
    <workbookView xWindow="-12960" yWindow="-18210" windowWidth="29040" windowHeight="15720" xr2:uid="{6923DAE5-E878-ED48-B55A-5F232A580717}"/>
  </bookViews>
  <sheets>
    <sheet name="Sheet1" sheetId="1" r:id="rId1"/>
  </sheets>
  <definedNames>
    <definedName name="_xlnm.Print_Area" localSheetId="0">Sheet1!$A$1:$P$87</definedName>
  </definedName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01" uniqueCount="61">
  <si>
    <t>遺伝子細胞治療認定医　認定申請書</t>
    <rPh sb="0" eb="7">
      <t xml:space="preserve">イデンシチリョウ </t>
    </rPh>
    <rPh sb="7" eb="10">
      <t xml:space="preserve">ニンテイイ </t>
    </rPh>
    <rPh sb="11" eb="16">
      <t xml:space="preserve">ニンテイシンセイショ </t>
    </rPh>
    <phoneticPr fontId="1"/>
  </si>
  <si>
    <t>日本遺伝子細胞治療学会</t>
    <phoneticPr fontId="1"/>
  </si>
  <si>
    <t>理事長殿</t>
    <rPh sb="3" eb="4">
      <t xml:space="preserve">ドノ </t>
    </rPh>
    <phoneticPr fontId="1"/>
  </si>
  <si>
    <t>認定制度委員会・委員長殿</t>
    <phoneticPr fontId="1"/>
  </si>
  <si>
    <t>貴学会認定制度に関する諸規則等に基づき、以下の通り申告致します。</t>
    <rPh sb="0" eb="1">
      <t xml:space="preserve">キ </t>
    </rPh>
    <rPh sb="3" eb="5">
      <t xml:space="preserve">ニンテイ </t>
    </rPh>
    <rPh sb="8" eb="9">
      <t xml:space="preserve">カンスル </t>
    </rPh>
    <rPh sb="11" eb="14">
      <t xml:space="preserve">ショキソク </t>
    </rPh>
    <rPh sb="14" eb="15">
      <t xml:space="preserve">トウ </t>
    </rPh>
    <rPh sb="16" eb="17">
      <t xml:space="preserve">モトヅキ </t>
    </rPh>
    <rPh sb="20" eb="22">
      <t xml:space="preserve">イカ </t>
    </rPh>
    <rPh sb="23" eb="24">
      <t xml:space="preserve">トオリ </t>
    </rPh>
    <rPh sb="25" eb="27">
      <t xml:space="preserve">シンコク </t>
    </rPh>
    <rPh sb="27" eb="28">
      <t xml:space="preserve">イタシマス </t>
    </rPh>
    <phoneticPr fontId="1"/>
  </si>
  <si>
    <t>留意事項</t>
    <rPh sb="2" eb="4">
      <t xml:space="preserve">ジコウ </t>
    </rPh>
    <phoneticPr fontId="1"/>
  </si>
  <si>
    <t>試験名</t>
    <rPh sb="2" eb="3">
      <t xml:space="preserve">メイ </t>
    </rPh>
    <phoneticPr fontId="1"/>
  </si>
  <si>
    <t>役割</t>
    <rPh sb="0" eb="1">
      <t xml:space="preserve">ヒトツ </t>
    </rPh>
    <phoneticPr fontId="1"/>
  </si>
  <si>
    <t>責任・分担（選択してください）</t>
    <rPh sb="3" eb="5">
      <t xml:space="preserve">ブンタン </t>
    </rPh>
    <rPh sb="6" eb="8">
      <t xml:space="preserve">センタク </t>
    </rPh>
    <phoneticPr fontId="1"/>
  </si>
  <si>
    <t>区分</t>
    <rPh sb="0" eb="2">
      <t xml:space="preserve">クブン </t>
    </rPh>
    <phoneticPr fontId="1"/>
  </si>
  <si>
    <t>治験・臨床研究（選択してください）</t>
    <rPh sb="3" eb="5">
      <t xml:space="preserve">リンショウ </t>
    </rPh>
    <rPh sb="8" eb="10">
      <t xml:space="preserve">センタク </t>
    </rPh>
    <phoneticPr fontId="1"/>
  </si>
  <si>
    <t>1試験のみを記載</t>
    <rPh sb="6" eb="8">
      <t xml:space="preserve">キサイ </t>
    </rPh>
    <phoneticPr fontId="1"/>
  </si>
  <si>
    <t>登録データベース（選択してください）</t>
    <rPh sb="0" eb="2">
      <t xml:space="preserve">トウロク </t>
    </rPh>
    <rPh sb="9" eb="11">
      <t xml:space="preserve">センタク </t>
    </rPh>
    <phoneticPr fontId="1"/>
  </si>
  <si>
    <t>臨床試験
登録番号</t>
    <rPh sb="0" eb="2">
      <t xml:space="preserve">リンショウ </t>
    </rPh>
    <rPh sb="5" eb="7">
      <t xml:space="preserve">トウロク </t>
    </rPh>
    <rPh sb="7" eb="9">
      <t xml:space="preserve">バンゴウ </t>
    </rPh>
    <phoneticPr fontId="1"/>
  </si>
  <si>
    <t>②</t>
    <phoneticPr fontId="1"/>
  </si>
  <si>
    <t>認定申請時より起算して過去36か月間の本会が主催する学術集会における筆頭演者としての発表経験を有する</t>
    <phoneticPr fontId="1"/>
  </si>
  <si>
    <t>1発表のみを記載</t>
    <rPh sb="1" eb="3">
      <t xml:space="preserve">ハッピョウ </t>
    </rPh>
    <rPh sb="6" eb="8">
      <t xml:space="preserve">キサイ </t>
    </rPh>
    <phoneticPr fontId="1"/>
  </si>
  <si>
    <t>演者名</t>
    <rPh sb="0" eb="2">
      <t xml:space="preserve">エンジャメイ </t>
    </rPh>
    <rPh sb="2" eb="3">
      <t xml:space="preserve">メイ </t>
    </rPh>
    <phoneticPr fontId="1"/>
  </si>
  <si>
    <t>全員を記載し、
申請者に下線を引く</t>
    <rPh sb="0" eb="2">
      <t xml:space="preserve">ゼンイン </t>
    </rPh>
    <rPh sb="3" eb="5">
      <t xml:space="preserve">キサイ </t>
    </rPh>
    <rPh sb="8" eb="11">
      <t xml:space="preserve">シンセイシャ </t>
    </rPh>
    <rPh sb="12" eb="14">
      <t xml:space="preserve">カセン </t>
    </rPh>
    <rPh sb="15" eb="16">
      <t xml:space="preserve">ヒク </t>
    </rPh>
    <phoneticPr fontId="1"/>
  </si>
  <si>
    <t>タイトル</t>
    <phoneticPr fontId="1"/>
  </si>
  <si>
    <t>発表年</t>
    <rPh sb="0" eb="3">
      <t xml:space="preserve">ハッピョウネン </t>
    </rPh>
    <phoneticPr fontId="1"/>
  </si>
  <si>
    <t>それぞれ
1つ選択してください</t>
    <rPh sb="7" eb="9">
      <t xml:space="preserve">センタク </t>
    </rPh>
    <phoneticPr fontId="1"/>
  </si>
  <si>
    <t>発表形式</t>
    <rPh sb="0" eb="2">
      <t xml:space="preserve">ハッピョウ </t>
    </rPh>
    <rPh sb="2" eb="4">
      <t xml:space="preserve">ケイシキ </t>
    </rPh>
    <phoneticPr fontId="1"/>
  </si>
  <si>
    <t>セッション（選択してください：企業共催は除く）</t>
    <rPh sb="6" eb="8">
      <t xml:space="preserve">センタク </t>
    </rPh>
    <rPh sb="17" eb="19">
      <t xml:space="preserve">キョウサイ </t>
    </rPh>
    <rPh sb="20" eb="21">
      <t xml:space="preserve">ノゾク </t>
    </rPh>
    <phoneticPr fontId="1"/>
  </si>
  <si>
    <t>③</t>
    <phoneticPr fontId="1"/>
  </si>
  <si>
    <t>遺伝子・細胞治療等に関する査読通過論文を3報以上、うち1報以上において筆頭著者あるいは責任著者である</t>
    <phoneticPr fontId="1"/>
  </si>
  <si>
    <t>3報を記載</t>
    <rPh sb="1" eb="2">
      <t xml:space="preserve">ホウ </t>
    </rPh>
    <rPh sb="3" eb="5">
      <t xml:space="preserve">キサイ </t>
    </rPh>
    <phoneticPr fontId="1"/>
  </si>
  <si>
    <t>論文1．</t>
    <phoneticPr fontId="1"/>
  </si>
  <si>
    <t>役割（選択してください）</t>
    <rPh sb="0" eb="2">
      <t xml:space="preserve">ヤクワリ </t>
    </rPh>
    <rPh sb="3" eb="5">
      <t xml:space="preserve">センタク </t>
    </rPh>
    <phoneticPr fontId="1"/>
  </si>
  <si>
    <t>西暦開催年（選択してください）</t>
    <rPh sb="2" eb="5">
      <t xml:space="preserve">カイサイネｎ </t>
    </rPh>
    <rPh sb="6" eb="8">
      <t xml:space="preserve">センタク </t>
    </rPh>
    <phoneticPr fontId="1"/>
  </si>
  <si>
    <r>
      <rPr>
        <u/>
        <sz val="12"/>
        <color theme="1"/>
        <rFont val="Meiryo"/>
        <family val="2"/>
        <charset val="128"/>
      </rPr>
      <t>1990年以降の論文</t>
    </r>
    <r>
      <rPr>
        <sz val="12"/>
        <color theme="1"/>
        <rFont val="Meiryo"/>
        <family val="2"/>
        <charset val="128"/>
      </rPr>
      <t>のみ
記載してください</t>
    </r>
    <rPh sb="4" eb="5">
      <t xml:space="preserve">ネン </t>
    </rPh>
    <rPh sb="5" eb="7">
      <t xml:space="preserve">イコウ </t>
    </rPh>
    <rPh sb="13" eb="15">
      <t xml:space="preserve">キサイ </t>
    </rPh>
    <phoneticPr fontId="1"/>
  </si>
  <si>
    <t>巻・号・ページ
あるいはdoi:</t>
    <rPh sb="0" eb="1">
      <t xml:space="preserve">マク </t>
    </rPh>
    <rPh sb="2" eb="3">
      <t xml:space="preserve">ゴウ </t>
    </rPh>
    <phoneticPr fontId="1"/>
  </si>
  <si>
    <t>略せずフルネームで</t>
    <rPh sb="0" eb="1">
      <t xml:space="preserve">リャク </t>
    </rPh>
    <phoneticPr fontId="1"/>
  </si>
  <si>
    <t>論文2．</t>
    <phoneticPr fontId="1"/>
  </si>
  <si>
    <t>論文3．</t>
    <phoneticPr fontId="1"/>
  </si>
  <si>
    <t>④</t>
    <phoneticPr fontId="1"/>
  </si>
  <si>
    <t>学術誌名</t>
    <rPh sb="0" eb="2">
      <t xml:space="preserve">ガクジュツ </t>
    </rPh>
    <rPh sb="3" eb="4">
      <t xml:space="preserve">メイ </t>
    </rPh>
    <phoneticPr fontId="1"/>
  </si>
  <si>
    <t>⑤</t>
    <phoneticPr fontId="1"/>
  </si>
  <si>
    <t>1参加のみを記載</t>
    <rPh sb="1" eb="3">
      <t xml:space="preserve">サンカ </t>
    </rPh>
    <rPh sb="6" eb="8">
      <t xml:space="preserve">キサイ </t>
    </rPh>
    <phoneticPr fontId="1"/>
  </si>
  <si>
    <t>遺伝子・細胞治療等の臨床研究または治験にて、代表者(責任医師・歯科医師)あるいは分担者（同）の経験を有する</t>
    <rPh sb="44" eb="45">
      <t xml:space="preserve">ドウ </t>
    </rPh>
    <phoneticPr fontId="1"/>
  </si>
  <si>
    <t>複数登録している場合は
1データベースのみを記載</t>
    <rPh sb="0" eb="2">
      <t xml:space="preserve">フクスウ </t>
    </rPh>
    <rPh sb="2" eb="4">
      <t xml:space="preserve">トウロク </t>
    </rPh>
    <rPh sb="22" eb="24">
      <t xml:space="preserve">キサイ </t>
    </rPh>
    <phoneticPr fontId="1"/>
  </si>
  <si>
    <t>①</t>
    <phoneticPr fontId="1"/>
  </si>
  <si>
    <t>臨床試験
登録</t>
    <rPh sb="0" eb="2">
      <t xml:space="preserve">リンショウ </t>
    </rPh>
    <rPh sb="5" eb="7">
      <t xml:space="preserve">トウロｋ </t>
    </rPh>
    <phoneticPr fontId="1"/>
  </si>
  <si>
    <t>参加年</t>
    <rPh sb="0" eb="2">
      <t xml:space="preserve">サンカ </t>
    </rPh>
    <rPh sb="2" eb="3">
      <t xml:space="preserve">ハッピョウネン </t>
    </rPh>
    <phoneticPr fontId="1"/>
  </si>
  <si>
    <r>
      <t>（</t>
    </r>
    <r>
      <rPr>
        <u/>
        <sz val="16"/>
        <color theme="1"/>
        <rFont val="Meiryo"/>
        <family val="2"/>
        <charset val="128"/>
      </rPr>
      <t>評議会員・名誉会員のみ</t>
    </r>
    <r>
      <rPr>
        <sz val="16"/>
        <color theme="1"/>
        <rFont val="Meiryo"/>
        <family val="2"/>
        <charset val="128"/>
      </rPr>
      <t>）本会が主催する学術集会に過去1回以上参加し、研究成果発表経験を1回以上有する</t>
    </r>
    <rPh sb="3" eb="5">
      <t xml:space="preserve">カイイン </t>
    </rPh>
    <rPh sb="6" eb="8">
      <t xml:space="preserve">メイヨカイイン </t>
    </rPh>
    <rPh sb="30" eb="32">
      <t xml:space="preserve">イジョウ </t>
    </rPh>
    <rPh sb="32" eb="34">
      <t xml:space="preserve">サンカシ </t>
    </rPh>
    <rPh sb="38" eb="40">
      <t xml:space="preserve">セイカ </t>
    </rPh>
    <rPh sb="46" eb="47">
      <t xml:space="preserve">カイ </t>
    </rPh>
    <rPh sb="47" eb="49">
      <t xml:space="preserve">イジョウ </t>
    </rPh>
    <phoneticPr fontId="1"/>
  </si>
  <si>
    <t>執筆者名
（全員を記載）</t>
    <rPh sb="2" eb="3">
      <t xml:space="preserve">シャ </t>
    </rPh>
    <rPh sb="3" eb="4">
      <t xml:space="preserve">メイ </t>
    </rPh>
    <rPh sb="6" eb="8">
      <t xml:space="preserve">ゼンイン </t>
    </rPh>
    <rPh sb="9" eb="11">
      <t xml:space="preserve">キサイ </t>
    </rPh>
    <phoneticPr fontId="1"/>
  </si>
  <si>
    <t>（認定医-移行期間・様式3）</t>
    <rPh sb="1" eb="4">
      <t xml:space="preserve">ニンテイイ </t>
    </rPh>
    <rPh sb="5" eb="9">
      <t xml:space="preserve">イコウキカｎ </t>
    </rPh>
    <rPh sb="10" eb="12">
      <t xml:space="preserve">ヨウシキ </t>
    </rPh>
    <phoneticPr fontId="1"/>
  </si>
  <si>
    <t>上記の記載内容に虚偽等は無く、正しく申告されていることを確認しました。</t>
    <rPh sb="0" eb="2">
      <t xml:space="preserve">ジョウキ </t>
    </rPh>
    <rPh sb="3" eb="5">
      <t xml:space="preserve">キサイ </t>
    </rPh>
    <rPh sb="5" eb="7">
      <t xml:space="preserve">ナイヨウ </t>
    </rPh>
    <rPh sb="8" eb="10">
      <t xml:space="preserve">キョギ </t>
    </rPh>
    <rPh sb="10" eb="11">
      <t xml:space="preserve">ナド </t>
    </rPh>
    <rPh sb="12" eb="13">
      <t xml:space="preserve">ナク </t>
    </rPh>
    <rPh sb="15" eb="16">
      <t xml:space="preserve">タダシク </t>
    </rPh>
    <rPh sb="18" eb="20">
      <t xml:space="preserve">シンコク </t>
    </rPh>
    <rPh sb="28" eb="30">
      <t xml:space="preserve">カクニン </t>
    </rPh>
    <phoneticPr fontId="1"/>
  </si>
  <si>
    <t>認定後であっても、申告内容に虚偽記載が発覚した場合、あるいは本会認定制度規則等の資格喪失事由、
取消事由等に該当した場合は、認定期間中であっても認定を取り消される可能性があることを了解致しました。</t>
    <rPh sb="0" eb="3">
      <t xml:space="preserve">ニンテイゴ </t>
    </rPh>
    <rPh sb="9" eb="11">
      <t xml:space="preserve">シンコク </t>
    </rPh>
    <rPh sb="11" eb="13">
      <t xml:space="preserve">ナイヨウ </t>
    </rPh>
    <rPh sb="14" eb="16">
      <t xml:space="preserve">キョギ </t>
    </rPh>
    <rPh sb="16" eb="18">
      <t xml:space="preserve">キサイ </t>
    </rPh>
    <rPh sb="19" eb="21">
      <t xml:space="preserve">ハッカク </t>
    </rPh>
    <rPh sb="30" eb="32">
      <t xml:space="preserve">ホンカイ </t>
    </rPh>
    <rPh sb="32" eb="34">
      <t xml:space="preserve">ニンテイ </t>
    </rPh>
    <rPh sb="36" eb="38">
      <t xml:space="preserve">キソク </t>
    </rPh>
    <rPh sb="38" eb="39">
      <t xml:space="preserve">トウ </t>
    </rPh>
    <rPh sb="44" eb="46">
      <t xml:space="preserve">ジユウ </t>
    </rPh>
    <rPh sb="48" eb="50">
      <t xml:space="preserve">トリケシ </t>
    </rPh>
    <rPh sb="50" eb="52">
      <t xml:space="preserve">ジユウ </t>
    </rPh>
    <rPh sb="52" eb="53">
      <t xml:space="preserve">トウ </t>
    </rPh>
    <rPh sb="54" eb="56">
      <t xml:space="preserve">ガイトウ </t>
    </rPh>
    <rPh sb="62" eb="64">
      <t xml:space="preserve">ニンテイ </t>
    </rPh>
    <rPh sb="64" eb="67">
      <t xml:space="preserve">キカンチュウ </t>
    </rPh>
    <rPh sb="72" eb="74">
      <t xml:space="preserve">ニンテイ </t>
    </rPh>
    <rPh sb="75" eb="76">
      <t xml:space="preserve">トリケサレル </t>
    </rPh>
    <rPh sb="81" eb="84">
      <t xml:space="preserve">カノウセイ </t>
    </rPh>
    <rPh sb="90" eb="92">
      <t xml:space="preserve">リョウカイ </t>
    </rPh>
    <rPh sb="92" eb="93">
      <t xml:space="preserve">イタシマシタ </t>
    </rPh>
    <phoneticPr fontId="1"/>
  </si>
  <si>
    <t>会員番号</t>
    <rPh sb="0" eb="2">
      <t xml:space="preserve">カイイン </t>
    </rPh>
    <rPh sb="2" eb="4">
      <t xml:space="preserve">バンゴウ </t>
    </rPh>
    <phoneticPr fontId="1"/>
  </si>
  <si>
    <t>フリガナ</t>
    <phoneticPr fontId="1"/>
  </si>
  <si>
    <t>氏名</t>
    <rPh sb="0" eb="2">
      <t xml:space="preserve">シメイ </t>
    </rPh>
    <phoneticPr fontId="1"/>
  </si>
  <si>
    <t>宣誓書</t>
    <rPh sb="0" eb="3">
      <t xml:space="preserve">センセイショ </t>
    </rPh>
    <phoneticPr fontId="1"/>
  </si>
  <si>
    <t>日本遺伝子細胞治療学会 認定医 必要事項等申告書（移行期間用・様式3）</t>
    <rPh sb="12" eb="15">
      <t xml:space="preserve">ニンテイイ </t>
    </rPh>
    <rPh sb="16" eb="18">
      <t xml:space="preserve">ヒツヨウ </t>
    </rPh>
    <rPh sb="18" eb="20">
      <t xml:space="preserve">ジコウ </t>
    </rPh>
    <rPh sb="20" eb="21">
      <t xml:space="preserve">トウ </t>
    </rPh>
    <rPh sb="21" eb="24">
      <t xml:space="preserve">シンコクショ </t>
    </rPh>
    <rPh sb="25" eb="29">
      <t xml:space="preserve">イコウキカン </t>
    </rPh>
    <rPh sb="29" eb="30">
      <t>ヨウ</t>
    </rPh>
    <rPh sb="31" eb="33">
      <t xml:space="preserve">ヨウシキ </t>
    </rPh>
    <phoneticPr fontId="1"/>
  </si>
  <si>
    <r>
      <rPr>
        <b/>
        <sz val="16"/>
        <color rgb="FFFF0000"/>
        <rFont val="メイリオ"/>
        <family val="2"/>
        <charset val="128"/>
      </rPr>
      <t>（①〜⑤のいずれか1つを選択）</t>
    </r>
    <r>
      <rPr>
        <sz val="16"/>
        <color theme="1"/>
        <rFont val="メイリオ"/>
        <family val="2"/>
        <charset val="128"/>
      </rPr>
      <t xml:space="preserve">細則第3条関連：遺伝子・細胞治療等に関する臨床・研究経験を有することを示す事項
</t>
    </r>
    <r>
      <rPr>
        <b/>
        <sz val="16"/>
        <color rgb="FFFF0000"/>
        <rFont val="メイリオ"/>
        <family val="2"/>
        <charset val="128"/>
      </rPr>
      <t>↓以下、いずれか一つチェックしてください</t>
    </r>
    <rPh sb="0" eb="2">
      <t xml:space="preserve">サイソク </t>
    </rPh>
    <rPh sb="2" eb="3">
      <t xml:space="preserve">ダイ3ジョウ </t>
    </rPh>
    <rPh sb="5" eb="7">
      <t xml:space="preserve">カンレン </t>
    </rPh>
    <rPh sb="36" eb="37">
      <t xml:space="preserve">シメス </t>
    </rPh>
    <rPh sb="38" eb="40">
      <t xml:space="preserve">ジコウ </t>
    </rPh>
    <rPh sb="56" eb="58">
      <t xml:space="preserve">イカ </t>
    </rPh>
    <rPh sb="63" eb="64">
      <t xml:space="preserve">ヒトツ </t>
    </rPh>
    <phoneticPr fontId="1"/>
  </si>
  <si>
    <t>＜注意＞必須データ「2種類」をPDF形式にて指定のサイトよりアップロードすること</t>
    <rPh sb="1" eb="3">
      <t xml:space="preserve">チュウイ </t>
    </rPh>
    <rPh sb="4" eb="6">
      <t xml:space="preserve">ヒッス </t>
    </rPh>
    <rPh sb="18" eb="20">
      <t xml:space="preserve">ケイシキ </t>
    </rPh>
    <rPh sb="22" eb="24">
      <t xml:space="preserve">シテイ </t>
    </rPh>
    <phoneticPr fontId="1"/>
  </si>
  <si>
    <t>＜注意＞必須データ「論文3報」をPDF形式にて指定のサイトよりアップロードすること</t>
    <rPh sb="1" eb="3">
      <t xml:space="preserve">チュウイ </t>
    </rPh>
    <rPh sb="4" eb="6">
      <t xml:space="preserve">ヒッス </t>
    </rPh>
    <rPh sb="13" eb="14">
      <t xml:space="preserve">ホウ </t>
    </rPh>
    <rPh sb="19" eb="21">
      <t xml:space="preserve">ケイシキ </t>
    </rPh>
    <rPh sb="23" eb="25">
      <t xml:space="preserve">シテイ </t>
    </rPh>
    <phoneticPr fontId="1"/>
  </si>
  <si>
    <t>＜注意＞必須データ「1種類」をPDF形式にて指定のサイトよりアップロードすること</t>
    <rPh sb="1" eb="3">
      <t xml:space="preserve">チュウイ </t>
    </rPh>
    <rPh sb="4" eb="6">
      <t xml:space="preserve">ヒッス </t>
    </rPh>
    <rPh sb="10" eb="11">
      <t xml:space="preserve">ホウ </t>
    </rPh>
    <rPh sb="18" eb="20">
      <t xml:space="preserve">ケイシキ </t>
    </rPh>
    <rPh sb="22" eb="24">
      <t xml:space="preserve">シテイ </t>
    </rPh>
    <phoneticPr fontId="1"/>
  </si>
  <si>
    <r>
      <t>英文記載例）</t>
    </r>
    <r>
      <rPr>
        <u/>
        <sz val="12"/>
        <color theme="1"/>
        <rFont val="Meiryo"/>
        <family val="3"/>
        <charset val="128"/>
      </rPr>
      <t>Nintei</t>
    </r>
    <r>
      <rPr>
        <u/>
        <sz val="12"/>
        <color theme="1"/>
        <rFont val="Meiryo"/>
        <family val="2"/>
        <charset val="128"/>
      </rPr>
      <t xml:space="preserve"> T</t>
    </r>
    <r>
      <rPr>
        <sz val="12"/>
        <color theme="1"/>
        <rFont val="Meiryo"/>
        <family val="2"/>
        <charset val="128"/>
      </rPr>
      <t>, Nintei H, ...（全員の性・名のイニシャル）..., Nintei J.
和文記載例）</t>
    </r>
    <r>
      <rPr>
        <u/>
        <sz val="12"/>
        <color theme="1"/>
        <rFont val="Meiryo"/>
        <family val="2"/>
        <charset val="128"/>
      </rPr>
      <t>認定太郎</t>
    </r>
    <r>
      <rPr>
        <sz val="12"/>
        <color theme="1"/>
        <rFont val="Meiryo"/>
        <family val="2"/>
        <charset val="128"/>
      </rPr>
      <t>、認定花子、・・・（全員のフルネーム）、認定次郎</t>
    </r>
    <rPh sb="0" eb="2">
      <t xml:space="preserve">エイブン </t>
    </rPh>
    <rPh sb="2" eb="4">
      <t xml:space="preserve">キサイ </t>
    </rPh>
    <rPh sb="4" eb="5">
      <t xml:space="preserve">レイ </t>
    </rPh>
    <rPh sb="31" eb="33">
      <t xml:space="preserve">ゼンイン </t>
    </rPh>
    <rPh sb="34" eb="35">
      <t xml:space="preserve">セイ </t>
    </rPh>
    <rPh sb="36" eb="37">
      <t xml:space="preserve">メイ </t>
    </rPh>
    <rPh sb="59" eb="61">
      <t xml:space="preserve">ワブン </t>
    </rPh>
    <rPh sb="61" eb="63">
      <t xml:space="preserve">キサイ </t>
    </rPh>
    <rPh sb="63" eb="64">
      <t xml:space="preserve">レイ </t>
    </rPh>
    <rPh sb="65" eb="67">
      <t>ニンテイ</t>
    </rPh>
    <rPh sb="67" eb="69">
      <t>タロウ</t>
    </rPh>
    <rPh sb="70" eb="72">
      <t>ニンテイ</t>
    </rPh>
    <rPh sb="72" eb="74">
      <t>ハナコ</t>
    </rPh>
    <rPh sb="79" eb="81">
      <t xml:space="preserve">ゼンイン </t>
    </rPh>
    <rPh sb="89" eb="91">
      <t>ニンテイジロウ</t>
    </rPh>
    <phoneticPr fontId="1"/>
  </si>
  <si>
    <t>過去24か月間に1回以上、本会が主催する「臨床試験トレーニングコース」又は「教育プログラム」に参加している</t>
    <phoneticPr fontId="1"/>
  </si>
  <si>
    <t>西暦（4桁で入力してください）</t>
    <rPh sb="4" eb="5">
      <t>ケタ</t>
    </rPh>
    <rPh sb="6" eb="8">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font>
      <sz val="12"/>
      <color theme="1"/>
      <name val="Meiryo"/>
      <family val="2"/>
      <charset val="128"/>
    </font>
    <font>
      <sz val="6"/>
      <name val="Meiryo"/>
      <family val="2"/>
      <charset val="128"/>
    </font>
    <font>
      <sz val="16"/>
      <color theme="1"/>
      <name val="Meiryo"/>
      <family val="2"/>
      <charset val="128"/>
    </font>
    <font>
      <sz val="24"/>
      <color theme="1"/>
      <name val="Meiryo"/>
      <family val="2"/>
      <charset val="128"/>
    </font>
    <font>
      <u/>
      <sz val="12"/>
      <color theme="1"/>
      <name val="Meiryo"/>
      <family val="2"/>
      <charset val="128"/>
    </font>
    <font>
      <sz val="22"/>
      <color theme="1"/>
      <name val="Meiryo"/>
      <family val="2"/>
      <charset val="128"/>
    </font>
    <font>
      <u/>
      <sz val="16"/>
      <color theme="1"/>
      <name val="Meiryo"/>
      <family val="2"/>
      <charset val="128"/>
    </font>
    <font>
      <sz val="16"/>
      <color theme="1"/>
      <name val="メイリオ"/>
      <family val="2"/>
      <charset val="128"/>
    </font>
    <font>
      <b/>
      <sz val="16"/>
      <color rgb="FFFF0000"/>
      <name val="メイリオ"/>
      <family val="2"/>
      <charset val="128"/>
    </font>
    <font>
      <sz val="12"/>
      <color theme="1"/>
      <name val="メイリオ"/>
      <family val="2"/>
      <charset val="128"/>
    </font>
    <font>
      <sz val="20"/>
      <color theme="1"/>
      <name val="Meiryo"/>
      <family val="2"/>
      <charset val="128"/>
    </font>
    <font>
      <sz val="18"/>
      <color theme="1"/>
      <name val="Meiryo"/>
      <family val="2"/>
      <charset val="128"/>
    </font>
    <font>
      <sz val="26"/>
      <color theme="1"/>
      <name val="Meiryo"/>
      <family val="2"/>
      <charset val="128"/>
    </font>
    <font>
      <u/>
      <sz val="12"/>
      <color theme="1"/>
      <name val="Meiryo"/>
      <family val="3"/>
      <charset val="128"/>
    </font>
  </fonts>
  <fills count="6">
    <fill>
      <patternFill patternType="none"/>
    </fill>
    <fill>
      <patternFill patternType="gray125"/>
    </fill>
    <fill>
      <patternFill patternType="solid">
        <fgColor theme="5" tint="0.79998168889431442"/>
        <bgColor indexed="64"/>
      </patternFill>
    </fill>
    <fill>
      <patternFill patternType="solid">
        <fgColor theme="0" tint="-0.249977111117893"/>
        <bgColor indexed="64"/>
      </patternFill>
    </fill>
    <fill>
      <patternFill patternType="solid">
        <fgColor theme="8" tint="0.79998168889431442"/>
        <bgColor indexed="64"/>
      </patternFill>
    </fill>
    <fill>
      <patternFill patternType="solid">
        <fgColor theme="7" tint="0.79998168889431442"/>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top style="medium">
        <color indexed="64"/>
      </top>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bottom style="medium">
        <color indexed="64"/>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right/>
      <top style="thin">
        <color indexed="64"/>
      </top>
      <bottom/>
      <diagonal/>
    </border>
    <border>
      <left/>
      <right style="medium">
        <color indexed="64"/>
      </right>
      <top style="medium">
        <color indexed="64"/>
      </top>
      <bottom style="thin">
        <color indexed="64"/>
      </bottom>
      <diagonal/>
    </border>
    <border>
      <left/>
      <right style="medium">
        <color indexed="64"/>
      </right>
      <top style="thin">
        <color indexed="64"/>
      </top>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thin">
        <color indexed="64"/>
      </left>
      <right style="thin">
        <color indexed="64"/>
      </right>
      <top/>
      <bottom style="medium">
        <color indexed="64"/>
      </bottom>
      <diagonal/>
    </border>
    <border>
      <left/>
      <right style="thin">
        <color indexed="64"/>
      </right>
      <top style="thin">
        <color indexed="64"/>
      </top>
      <bottom/>
      <diagonal/>
    </border>
    <border>
      <left/>
      <right style="thin">
        <color indexed="64"/>
      </right>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64"/>
      </right>
      <top/>
      <bottom style="medium">
        <color indexed="64"/>
      </bottom>
      <diagonal/>
    </border>
  </borders>
  <cellStyleXfs count="1">
    <xf numFmtId="0" fontId="0" fillId="0" borderId="0">
      <alignment vertical="center"/>
    </xf>
  </cellStyleXfs>
  <cellXfs count="126">
    <xf numFmtId="0" fontId="0" fillId="0" borderId="0" xfId="0">
      <alignment vertical="center"/>
    </xf>
    <xf numFmtId="0" fontId="2" fillId="0" borderId="0" xfId="0" applyFont="1">
      <alignment vertical="center"/>
    </xf>
    <xf numFmtId="0" fontId="0" fillId="0" borderId="0" xfId="0" applyAlignment="1">
      <alignment horizontal="center" vertical="center"/>
    </xf>
    <xf numFmtId="0" fontId="0" fillId="0" borderId="5" xfId="0" applyBorder="1" applyAlignment="1">
      <alignment horizontal="center" vertical="center"/>
    </xf>
    <xf numFmtId="0" fontId="0" fillId="0" borderId="22" xfId="0" applyBorder="1" applyAlignment="1">
      <alignment horizontal="center" vertical="center"/>
    </xf>
    <xf numFmtId="0" fontId="0" fillId="0" borderId="23" xfId="0" applyBorder="1" applyAlignment="1">
      <alignment horizontal="center" vertical="center"/>
    </xf>
    <xf numFmtId="0" fontId="0" fillId="3" borderId="23" xfId="0" applyFill="1" applyBorder="1" applyAlignment="1">
      <alignment horizontal="center" vertical="center"/>
    </xf>
    <xf numFmtId="0" fontId="0" fillId="3" borderId="24" xfId="0" applyFill="1" applyBorder="1" applyAlignment="1">
      <alignment horizontal="center" vertical="center"/>
    </xf>
    <xf numFmtId="0" fontId="0" fillId="0" borderId="27" xfId="0" applyBorder="1" applyAlignment="1">
      <alignment horizontal="center" vertical="center"/>
    </xf>
    <xf numFmtId="0" fontId="12" fillId="0" borderId="0" xfId="0" applyFont="1">
      <alignment vertical="center"/>
    </xf>
    <xf numFmtId="0" fontId="0" fillId="0" borderId="38" xfId="0" applyBorder="1" applyAlignment="1">
      <alignment horizontal="center" vertical="center"/>
    </xf>
    <xf numFmtId="0" fontId="10" fillId="0" borderId="0" xfId="0" applyFont="1">
      <alignment vertical="center"/>
    </xf>
    <xf numFmtId="0" fontId="0" fillId="0" borderId="19" xfId="0" applyBorder="1">
      <alignment vertical="center"/>
    </xf>
    <xf numFmtId="0" fontId="0" fillId="0" borderId="10" xfId="0" applyBorder="1">
      <alignment vertical="center"/>
    </xf>
    <xf numFmtId="0" fontId="10" fillId="0" borderId="25" xfId="0" applyFont="1" applyBorder="1" applyAlignment="1">
      <alignment horizontal="left" vertical="center" wrapText="1"/>
    </xf>
    <xf numFmtId="0" fontId="10" fillId="0" borderId="30" xfId="0" applyFont="1" applyBorder="1" applyAlignment="1">
      <alignment horizontal="left" vertical="center"/>
    </xf>
    <xf numFmtId="0" fontId="10" fillId="0" borderId="31" xfId="0" applyFont="1" applyBorder="1" applyAlignment="1">
      <alignment horizontal="left" vertical="center"/>
    </xf>
    <xf numFmtId="0" fontId="10" fillId="0" borderId="3" xfId="0" applyFont="1" applyBorder="1" applyAlignment="1">
      <alignment horizontal="left" vertical="center"/>
    </xf>
    <xf numFmtId="0" fontId="10" fillId="0" borderId="0" xfId="0" applyFont="1" applyAlignment="1">
      <alignment horizontal="left" vertical="center"/>
    </xf>
    <xf numFmtId="0" fontId="10" fillId="0" borderId="32" xfId="0" applyFont="1" applyBorder="1" applyAlignment="1">
      <alignment horizontal="left" vertical="center"/>
    </xf>
    <xf numFmtId="0" fontId="0" fillId="0" borderId="30" xfId="0" applyBorder="1" applyAlignment="1">
      <alignment horizontal="left" vertical="center"/>
    </xf>
    <xf numFmtId="0" fontId="0" fillId="0" borderId="31" xfId="0" applyBorder="1" applyAlignment="1">
      <alignment horizontal="left" vertical="center"/>
    </xf>
    <xf numFmtId="0" fontId="0" fillId="0" borderId="29" xfId="0" applyBorder="1" applyAlignment="1">
      <alignment horizontal="left" vertical="center"/>
    </xf>
    <xf numFmtId="0" fontId="0" fillId="0" borderId="33" xfId="0" applyBorder="1" applyAlignment="1">
      <alignment horizontal="left" vertical="center"/>
    </xf>
    <xf numFmtId="0" fontId="0" fillId="0" borderId="34" xfId="0" applyBorder="1" applyAlignment="1">
      <alignment horizontal="left" vertical="center"/>
    </xf>
    <xf numFmtId="0" fontId="0" fillId="0" borderId="11" xfId="0" applyBorder="1">
      <alignment vertical="center"/>
    </xf>
    <xf numFmtId="0" fontId="11" fillId="0" borderId="26" xfId="0" applyFont="1" applyBorder="1" applyAlignment="1">
      <alignment horizontal="center" vertical="center"/>
    </xf>
    <xf numFmtId="0" fontId="11" fillId="0" borderId="17" xfId="0" applyFont="1" applyBorder="1" applyAlignment="1">
      <alignment horizontal="center" vertical="center"/>
    </xf>
    <xf numFmtId="0" fontId="11" fillId="0" borderId="27" xfId="0" applyFont="1" applyBorder="1" applyAlignment="1">
      <alignment horizontal="center" vertical="center"/>
    </xf>
    <xf numFmtId="0" fontId="11" fillId="0" borderId="1" xfId="0" applyFont="1" applyBorder="1" applyAlignment="1">
      <alignment horizontal="center" vertical="center"/>
    </xf>
    <xf numFmtId="0" fontId="11" fillId="0" borderId="28" xfId="0" applyFont="1" applyBorder="1" applyAlignment="1">
      <alignment horizontal="center" vertical="center"/>
    </xf>
    <xf numFmtId="0" fontId="11" fillId="0" borderId="12" xfId="0" applyFont="1" applyBorder="1" applyAlignment="1">
      <alignment horizontal="center" vertical="center"/>
    </xf>
    <xf numFmtId="0" fontId="11" fillId="0" borderId="17" xfId="0" applyFont="1" applyBorder="1">
      <alignment vertical="center"/>
    </xf>
    <xf numFmtId="0" fontId="11" fillId="0" borderId="20" xfId="0" applyFont="1" applyBorder="1">
      <alignment vertical="center"/>
    </xf>
    <xf numFmtId="0" fontId="11" fillId="0" borderId="1" xfId="0" applyFont="1" applyBorder="1">
      <alignment vertical="center"/>
    </xf>
    <xf numFmtId="0" fontId="11" fillId="0" borderId="4" xfId="0" applyFont="1" applyBorder="1">
      <alignment vertical="center"/>
    </xf>
    <xf numFmtId="0" fontId="11" fillId="0" borderId="12" xfId="0" applyFont="1" applyBorder="1">
      <alignment vertical="center"/>
    </xf>
    <xf numFmtId="0" fontId="11" fillId="0" borderId="21" xfId="0" applyFont="1" applyBorder="1">
      <alignment vertical="center"/>
    </xf>
    <xf numFmtId="0" fontId="0" fillId="0" borderId="20" xfId="0" applyBorder="1">
      <alignment vertical="center"/>
    </xf>
    <xf numFmtId="0" fontId="0" fillId="0" borderId="6" xfId="0" applyBorder="1">
      <alignment vertical="center"/>
    </xf>
    <xf numFmtId="0" fontId="0" fillId="0" borderId="36" xfId="0" applyBorder="1">
      <alignment vertical="center"/>
    </xf>
    <xf numFmtId="0" fontId="0" fillId="0" borderId="2" xfId="0" applyBorder="1">
      <alignment vertical="center"/>
    </xf>
    <xf numFmtId="0" fontId="0" fillId="0" borderId="35" xfId="0" applyBorder="1">
      <alignment vertical="center"/>
    </xf>
    <xf numFmtId="0" fontId="0" fillId="0" borderId="37" xfId="0" applyBorder="1">
      <alignment vertical="center"/>
    </xf>
    <xf numFmtId="0" fontId="0" fillId="0" borderId="29" xfId="0" applyBorder="1">
      <alignment vertical="center"/>
    </xf>
    <xf numFmtId="0" fontId="0" fillId="0" borderId="33" xfId="0" applyBorder="1">
      <alignment vertical="center"/>
    </xf>
    <xf numFmtId="0" fontId="0" fillId="0" borderId="34" xfId="0" applyBorder="1">
      <alignment vertical="center"/>
    </xf>
    <xf numFmtId="0" fontId="0" fillId="2" borderId="12" xfId="0" applyFill="1" applyBorder="1" applyAlignment="1">
      <alignment horizontal="center" vertical="center"/>
    </xf>
    <xf numFmtId="0" fontId="0" fillId="0" borderId="12" xfId="0" applyBorder="1" applyAlignment="1">
      <alignment horizontal="center" vertical="center"/>
    </xf>
    <xf numFmtId="0" fontId="0" fillId="0" borderId="12" xfId="0" applyBorder="1">
      <alignment vertical="center"/>
    </xf>
    <xf numFmtId="0" fontId="0" fillId="0" borderId="42" xfId="0" applyBorder="1" applyAlignment="1">
      <alignment horizontal="center" vertical="center"/>
    </xf>
    <xf numFmtId="0" fontId="0" fillId="0" borderId="45" xfId="0" applyBorder="1" applyAlignment="1">
      <alignment horizontal="center" vertical="center"/>
    </xf>
    <xf numFmtId="0" fontId="0" fillId="0" borderId="2" xfId="0" applyBorder="1" applyAlignment="1">
      <alignment horizontal="center" vertical="center" wrapText="1"/>
    </xf>
    <xf numFmtId="0" fontId="0" fillId="0" borderId="50" xfId="0" applyBorder="1" applyAlignment="1">
      <alignment horizontal="center" vertical="center"/>
    </xf>
    <xf numFmtId="0" fontId="0" fillId="0" borderId="46" xfId="0" applyBorder="1" applyAlignment="1">
      <alignment horizontal="center" vertical="center"/>
    </xf>
    <xf numFmtId="0" fontId="0" fillId="0" borderId="51" xfId="0" applyBorder="1" applyAlignment="1">
      <alignment horizontal="center" vertical="center"/>
    </xf>
    <xf numFmtId="0" fontId="0" fillId="0" borderId="46" xfId="0" applyBorder="1">
      <alignment vertical="center"/>
    </xf>
    <xf numFmtId="0" fontId="0" fillId="0" borderId="47" xfId="0" applyBorder="1">
      <alignment vertical="center"/>
    </xf>
    <xf numFmtId="0" fontId="0" fillId="0" borderId="48" xfId="0" applyBorder="1">
      <alignment vertical="center"/>
    </xf>
    <xf numFmtId="0" fontId="3" fillId="0" borderId="20" xfId="0" applyFont="1" applyBorder="1" applyAlignment="1">
      <alignment horizontal="center" vertical="center"/>
    </xf>
    <xf numFmtId="0" fontId="0" fillId="0" borderId="4" xfId="0" applyBorder="1" applyAlignment="1">
      <alignment horizontal="center" vertical="center"/>
    </xf>
    <xf numFmtId="0" fontId="0" fillId="0" borderId="2" xfId="0" applyBorder="1" applyAlignment="1">
      <alignment horizontal="center" vertical="center"/>
    </xf>
    <xf numFmtId="0" fontId="0" fillId="0" borderId="21" xfId="0" applyBorder="1" applyAlignment="1">
      <alignment horizontal="center" vertical="center"/>
    </xf>
    <xf numFmtId="0" fontId="3" fillId="0" borderId="16" xfId="0" applyFont="1" applyBorder="1" applyAlignment="1">
      <alignment horizontal="center" vertical="center"/>
    </xf>
    <xf numFmtId="0" fontId="0" fillId="0" borderId="9" xfId="0" applyBorder="1" applyAlignment="1">
      <alignment horizontal="center" vertical="center"/>
    </xf>
    <xf numFmtId="0" fontId="0" fillId="0" borderId="18" xfId="0" applyBorder="1" applyAlignment="1">
      <alignment horizontal="center" vertical="center"/>
    </xf>
    <xf numFmtId="0" fontId="7" fillId="5" borderId="14" xfId="0" applyFont="1" applyFill="1" applyBorder="1" applyAlignment="1">
      <alignment horizontal="left" vertical="center" wrapText="1"/>
    </xf>
    <xf numFmtId="0" fontId="9" fillId="5" borderId="15" xfId="0" applyFont="1" applyFill="1" applyBorder="1" applyAlignment="1">
      <alignment horizontal="left" vertical="center"/>
    </xf>
    <xf numFmtId="0" fontId="3" fillId="0" borderId="0" xfId="0" applyFont="1" applyAlignment="1">
      <alignment horizontal="center" vertical="center"/>
    </xf>
    <xf numFmtId="0" fontId="0" fillId="0" borderId="0" xfId="0">
      <alignment vertical="center"/>
    </xf>
    <xf numFmtId="0" fontId="0" fillId="0" borderId="27" xfId="0" applyBorder="1" applyAlignment="1">
      <alignment horizontal="center" vertical="center"/>
    </xf>
    <xf numFmtId="0" fontId="0" fillId="0" borderId="28" xfId="0" applyBorder="1" applyAlignment="1">
      <alignment horizontal="center" vertical="center"/>
    </xf>
    <xf numFmtId="0" fontId="0" fillId="0" borderId="1" xfId="0" applyBorder="1" applyAlignment="1">
      <alignment horizontal="center" vertical="center"/>
    </xf>
    <xf numFmtId="0" fontId="0" fillId="0" borderId="1" xfId="0" applyBorder="1">
      <alignment vertical="center"/>
    </xf>
    <xf numFmtId="0" fontId="0" fillId="0" borderId="8" xfId="0" applyBorder="1">
      <alignment vertical="center"/>
    </xf>
    <xf numFmtId="0" fontId="0" fillId="0" borderId="23" xfId="0" applyBorder="1" applyAlignment="1">
      <alignment horizontal="center" vertical="center" wrapText="1"/>
    </xf>
    <xf numFmtId="0" fontId="0" fillId="0" borderId="24" xfId="0" applyBorder="1" applyAlignment="1">
      <alignment horizontal="center" vertical="center"/>
    </xf>
    <xf numFmtId="0" fontId="0" fillId="0" borderId="13" xfId="0" applyBorder="1">
      <alignment vertical="center"/>
    </xf>
    <xf numFmtId="0" fontId="2" fillId="4" borderId="39" xfId="0" applyFont="1" applyFill="1" applyBorder="1" applyAlignment="1">
      <alignment horizontal="center" vertical="center" wrapText="1"/>
    </xf>
    <xf numFmtId="0" fontId="2" fillId="4" borderId="40" xfId="0" applyFont="1" applyFill="1" applyBorder="1" applyAlignment="1">
      <alignment horizontal="center" vertical="center"/>
    </xf>
    <xf numFmtId="0" fontId="2" fillId="4" borderId="41" xfId="0" applyFont="1" applyFill="1" applyBorder="1" applyAlignment="1">
      <alignment horizontal="center" vertical="center"/>
    </xf>
    <xf numFmtId="0" fontId="0" fillId="0" borderId="26" xfId="0" applyBorder="1" applyAlignment="1">
      <alignment horizontal="center" vertical="center"/>
    </xf>
    <xf numFmtId="0" fontId="0" fillId="0" borderId="27" xfId="0" applyBorder="1">
      <alignment vertical="center"/>
    </xf>
    <xf numFmtId="0" fontId="0" fillId="0" borderId="17" xfId="0" applyBorder="1" applyAlignment="1">
      <alignment vertical="center" wrapText="1"/>
    </xf>
    <xf numFmtId="0" fontId="0" fillId="0" borderId="7" xfId="0" applyBorder="1" applyAlignment="1">
      <alignment vertical="center" wrapText="1"/>
    </xf>
    <xf numFmtId="0" fontId="0" fillId="0" borderId="1" xfId="0" applyBorder="1" applyAlignment="1">
      <alignment vertical="center" wrapText="1"/>
    </xf>
    <xf numFmtId="0" fontId="0" fillId="0" borderId="8" xfId="0" applyBorder="1" applyAlignment="1">
      <alignment vertical="center" wrapText="1"/>
    </xf>
    <xf numFmtId="0" fontId="0" fillId="0" borderId="23" xfId="0" applyBorder="1" applyAlignment="1">
      <alignment horizontal="center" vertical="center"/>
    </xf>
    <xf numFmtId="0" fontId="0" fillId="3" borderId="23" xfId="0" applyFill="1" applyBorder="1" applyAlignment="1">
      <alignment horizontal="center" vertical="center"/>
    </xf>
    <xf numFmtId="0" fontId="0" fillId="0" borderId="17" xfId="0" applyBorder="1" applyAlignment="1">
      <alignment horizontal="center" vertical="center"/>
    </xf>
    <xf numFmtId="0" fontId="0" fillId="0" borderId="17" xfId="0" applyBorder="1">
      <alignment vertical="center"/>
    </xf>
    <xf numFmtId="0" fontId="0" fillId="3" borderId="17" xfId="0" applyFill="1" applyBorder="1">
      <alignment vertical="center"/>
    </xf>
    <xf numFmtId="0" fontId="0" fillId="3" borderId="7" xfId="0" applyFill="1" applyBorder="1">
      <alignment vertical="center"/>
    </xf>
    <xf numFmtId="0" fontId="0" fillId="3" borderId="1" xfId="0" applyFill="1" applyBorder="1">
      <alignment vertical="center"/>
    </xf>
    <xf numFmtId="0" fontId="0" fillId="3" borderId="8" xfId="0" applyFill="1" applyBorder="1">
      <alignment vertical="center"/>
    </xf>
    <xf numFmtId="0" fontId="0" fillId="0" borderId="22" xfId="0" applyBorder="1" applyAlignment="1">
      <alignment horizontal="center" vertical="center" wrapText="1"/>
    </xf>
    <xf numFmtId="0" fontId="0" fillId="2" borderId="1" xfId="0" applyFill="1" applyBorder="1" applyAlignment="1">
      <alignment horizontal="center" vertical="center"/>
    </xf>
    <xf numFmtId="0" fontId="0" fillId="0" borderId="27" xfId="0" applyBorder="1" applyAlignment="1">
      <alignment horizontal="center" vertical="center" wrapText="1"/>
    </xf>
    <xf numFmtId="0" fontId="0" fillId="3" borderId="24" xfId="0" applyFill="1" applyBorder="1" applyAlignment="1">
      <alignment horizontal="center" vertical="center"/>
    </xf>
    <xf numFmtId="0" fontId="0" fillId="0" borderId="1" xfId="0" applyBorder="1" applyAlignment="1">
      <alignment horizontal="center" vertical="center" wrapText="1"/>
    </xf>
    <xf numFmtId="0" fontId="0" fillId="3" borderId="12" xfId="0" applyFill="1" applyBorder="1">
      <alignment vertical="center"/>
    </xf>
    <xf numFmtId="0" fontId="0" fillId="3" borderId="13" xfId="0" applyFill="1" applyBorder="1">
      <alignment vertical="center"/>
    </xf>
    <xf numFmtId="0" fontId="0" fillId="0" borderId="39" xfId="0" applyBorder="1" applyAlignment="1">
      <alignment vertical="center" wrapText="1"/>
    </xf>
    <xf numFmtId="0" fontId="0" fillId="0" borderId="40" xfId="0" applyBorder="1">
      <alignment vertical="center"/>
    </xf>
    <xf numFmtId="0" fontId="0" fillId="0" borderId="41" xfId="0" applyBorder="1">
      <alignment vertical="center"/>
    </xf>
    <xf numFmtId="0" fontId="0" fillId="3" borderId="23" xfId="0" applyFill="1" applyBorder="1" applyAlignment="1">
      <alignment horizontal="center" vertical="center" wrapText="1"/>
    </xf>
    <xf numFmtId="0" fontId="0" fillId="0" borderId="42" xfId="0" applyBorder="1" applyAlignment="1">
      <alignment horizontal="center" vertical="center" wrapText="1"/>
    </xf>
    <xf numFmtId="0" fontId="0" fillId="0" borderId="11" xfId="0" applyBorder="1" applyAlignment="1">
      <alignment horizontal="center" vertical="center" wrapText="1"/>
    </xf>
    <xf numFmtId="0" fontId="0" fillId="0" borderId="43" xfId="0" applyBorder="1" applyAlignment="1">
      <alignment horizontal="center" vertical="center" wrapText="1"/>
    </xf>
    <xf numFmtId="0" fontId="0" fillId="0" borderId="49" xfId="0" applyBorder="1" applyAlignment="1">
      <alignment horizontal="center" vertical="center" wrapText="1"/>
    </xf>
    <xf numFmtId="0" fontId="0" fillId="0" borderId="35" xfId="0" applyBorder="1" applyAlignment="1">
      <alignment horizontal="center" vertical="center"/>
    </xf>
    <xf numFmtId="0" fontId="0" fillId="0" borderId="37" xfId="0" applyBorder="1" applyAlignment="1">
      <alignment horizontal="center" vertical="center"/>
    </xf>
    <xf numFmtId="0" fontId="0" fillId="0" borderId="29" xfId="0"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0" fontId="0" fillId="0" borderId="44" xfId="0" applyBorder="1" applyAlignment="1">
      <alignment horizontal="center" vertical="center" wrapText="1"/>
    </xf>
    <xf numFmtId="0" fontId="0" fillId="0" borderId="53" xfId="0" applyBorder="1" applyAlignment="1">
      <alignment horizontal="center" vertical="center" wrapText="1"/>
    </xf>
    <xf numFmtId="0" fontId="0" fillId="0" borderId="18" xfId="0" applyBorder="1" applyAlignment="1">
      <alignment horizontal="left" vertical="center" wrapText="1"/>
    </xf>
    <xf numFmtId="0" fontId="0" fillId="0" borderId="44" xfId="0" applyBorder="1" applyAlignment="1">
      <alignment horizontal="center" vertical="center"/>
    </xf>
    <xf numFmtId="0" fontId="0" fillId="0" borderId="52" xfId="0" applyBorder="1" applyAlignment="1">
      <alignment horizontal="center" vertical="center"/>
    </xf>
    <xf numFmtId="0" fontId="3" fillId="0" borderId="25" xfId="0" applyFont="1" applyBorder="1" applyAlignment="1">
      <alignment horizontal="center" vertical="center"/>
    </xf>
    <xf numFmtId="0" fontId="3" fillId="0" borderId="3" xfId="0" applyFont="1" applyBorder="1" applyAlignment="1">
      <alignment horizontal="center" vertical="center"/>
    </xf>
    <xf numFmtId="0" fontId="3" fillId="0" borderId="29" xfId="0" applyFont="1" applyBorder="1" applyAlignment="1">
      <alignment horizontal="center" vertical="center"/>
    </xf>
    <xf numFmtId="0" fontId="5" fillId="0" borderId="25" xfId="0" applyFont="1" applyBorder="1" applyAlignment="1">
      <alignment horizontal="center" vertical="center"/>
    </xf>
    <xf numFmtId="0" fontId="5" fillId="0" borderId="3" xfId="0" applyFont="1" applyBorder="1" applyAlignment="1">
      <alignment horizontal="center" vertical="center"/>
    </xf>
    <xf numFmtId="0" fontId="5" fillId="0" borderId="29"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14300</xdr:colOff>
          <xdr:row>14</xdr:row>
          <xdr:rowOff>120650</xdr:rowOff>
        </xdr:from>
        <xdr:to>
          <xdr:col>1</xdr:col>
          <xdr:colOff>488950</xdr:colOff>
          <xdr:row>15</xdr:row>
          <xdr:rowOff>2349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7950</xdr:colOff>
          <xdr:row>24</xdr:row>
          <xdr:rowOff>31750</xdr:rowOff>
        </xdr:from>
        <xdr:to>
          <xdr:col>1</xdr:col>
          <xdr:colOff>463550</xdr:colOff>
          <xdr:row>25</xdr:row>
          <xdr:rowOff>15240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43</xdr:row>
          <xdr:rowOff>120650</xdr:rowOff>
        </xdr:from>
        <xdr:to>
          <xdr:col>1</xdr:col>
          <xdr:colOff>488950</xdr:colOff>
          <xdr:row>44</xdr:row>
          <xdr:rowOff>26035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7950</xdr:colOff>
          <xdr:row>64</xdr:row>
          <xdr:rowOff>260350</xdr:rowOff>
        </xdr:from>
        <xdr:to>
          <xdr:col>1</xdr:col>
          <xdr:colOff>463550</xdr:colOff>
          <xdr:row>65</xdr:row>
          <xdr:rowOff>15240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1</xdr:row>
          <xdr:rowOff>146050</xdr:rowOff>
        </xdr:from>
        <xdr:to>
          <xdr:col>1</xdr:col>
          <xdr:colOff>488950</xdr:colOff>
          <xdr:row>73</xdr:row>
          <xdr:rowOff>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7</xdr:row>
          <xdr:rowOff>82550</xdr:rowOff>
        </xdr:from>
        <xdr:to>
          <xdr:col>1</xdr:col>
          <xdr:colOff>488950</xdr:colOff>
          <xdr:row>78</xdr:row>
          <xdr:rowOff>19685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000-000017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80</xdr:row>
          <xdr:rowOff>44450</xdr:rowOff>
        </xdr:from>
        <xdr:to>
          <xdr:col>1</xdr:col>
          <xdr:colOff>488950</xdr:colOff>
          <xdr:row>81</xdr:row>
          <xdr:rowOff>184150</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000-00001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CFE6ED-A99E-C842-96B7-D579DBBB035F}">
  <dimension ref="B2:R86"/>
  <sheetViews>
    <sheetView tabSelected="1" view="pageBreakPreview" topLeftCell="A52" zoomScale="60" zoomScaleNormal="66" workbookViewId="0">
      <selection activeCell="E73" sqref="E73:H73"/>
    </sheetView>
  </sheetViews>
  <sheetFormatPr defaultColWidth="11.06640625" defaultRowHeight="19"/>
  <cols>
    <col min="1" max="1" width="3" customWidth="1"/>
    <col min="2" max="2" width="5.59765625" customWidth="1"/>
    <col min="3" max="3" width="3.6640625" customWidth="1"/>
    <col min="4" max="4" width="13.59765625" customWidth="1"/>
    <col min="13" max="13" width="10.6640625" customWidth="1"/>
    <col min="14" max="14" width="16.3984375" style="2" customWidth="1"/>
    <col min="15" max="15" width="22.33203125" customWidth="1"/>
    <col min="16" max="16" width="2.9296875" customWidth="1"/>
  </cols>
  <sheetData>
    <row r="2" spans="2:18" ht="25.5">
      <c r="B2" s="1" t="s">
        <v>46</v>
      </c>
    </row>
    <row r="3" spans="2:18" ht="25.5">
      <c r="B3" s="1" t="s">
        <v>0</v>
      </c>
    </row>
    <row r="5" spans="2:18" ht="38">
      <c r="B5" s="68" t="s">
        <v>53</v>
      </c>
      <c r="C5" s="68"/>
      <c r="D5" s="68"/>
      <c r="E5" s="68"/>
      <c r="F5" s="68"/>
      <c r="G5" s="68"/>
      <c r="H5" s="68"/>
      <c r="I5" s="68"/>
      <c r="J5" s="68"/>
      <c r="K5" s="68"/>
      <c r="L5" s="68"/>
      <c r="M5" s="68"/>
      <c r="N5" s="69"/>
      <c r="O5" s="69"/>
    </row>
    <row r="7" spans="2:18" ht="31.5">
      <c r="B7" s="11" t="s">
        <v>1</v>
      </c>
    </row>
    <row r="8" spans="2:18" ht="31.5">
      <c r="B8" s="11" t="s">
        <v>2</v>
      </c>
    </row>
    <row r="9" spans="2:18" ht="31.5">
      <c r="B9" s="11" t="s">
        <v>3</v>
      </c>
    </row>
    <row r="10" spans="2:18" ht="14.15" customHeight="1">
      <c r="B10" s="11"/>
    </row>
    <row r="11" spans="2:18" ht="32" thickBot="1">
      <c r="B11" s="11" t="s">
        <v>4</v>
      </c>
    </row>
    <row r="12" spans="2:18" ht="53.15" customHeight="1" thickBot="1">
      <c r="B12" s="66" t="s">
        <v>54</v>
      </c>
      <c r="C12" s="67"/>
      <c r="D12" s="67"/>
      <c r="E12" s="67"/>
      <c r="F12" s="67"/>
      <c r="G12" s="67"/>
      <c r="H12" s="67"/>
      <c r="I12" s="67"/>
      <c r="J12" s="67"/>
      <c r="K12" s="67"/>
      <c r="L12" s="67"/>
      <c r="M12" s="67"/>
      <c r="N12" s="67"/>
      <c r="O12" s="3" t="s">
        <v>5</v>
      </c>
    </row>
    <row r="13" spans="2:18" ht="33" customHeight="1" thickBot="1">
      <c r="B13" s="63"/>
      <c r="C13" s="59" t="s">
        <v>41</v>
      </c>
      <c r="D13" s="78" t="s">
        <v>39</v>
      </c>
      <c r="E13" s="79"/>
      <c r="F13" s="79"/>
      <c r="G13" s="79"/>
      <c r="H13" s="79"/>
      <c r="I13" s="79"/>
      <c r="J13" s="79"/>
      <c r="K13" s="79"/>
      <c r="L13" s="79"/>
      <c r="M13" s="79"/>
      <c r="N13" s="80"/>
      <c r="O13" s="4" t="s">
        <v>11</v>
      </c>
    </row>
    <row r="14" spans="2:18" ht="29.15" customHeight="1">
      <c r="B14" s="64"/>
      <c r="C14" s="60"/>
      <c r="D14" s="81" t="s">
        <v>6</v>
      </c>
      <c r="E14" s="83"/>
      <c r="F14" s="83"/>
      <c r="G14" s="83"/>
      <c r="H14" s="83"/>
      <c r="I14" s="83"/>
      <c r="J14" s="83"/>
      <c r="K14" s="83"/>
      <c r="L14" s="83"/>
      <c r="M14" s="83"/>
      <c r="N14" s="84"/>
      <c r="O14" s="105"/>
    </row>
    <row r="15" spans="2:18" ht="21" customHeight="1">
      <c r="B15" s="64"/>
      <c r="C15" s="60"/>
      <c r="D15" s="70"/>
      <c r="E15" s="85"/>
      <c r="F15" s="85"/>
      <c r="G15" s="85"/>
      <c r="H15" s="85"/>
      <c r="I15" s="85"/>
      <c r="J15" s="85"/>
      <c r="K15" s="85"/>
      <c r="L15" s="85"/>
      <c r="M15" s="85"/>
      <c r="N15" s="86"/>
      <c r="O15" s="105"/>
    </row>
    <row r="16" spans="2:18" ht="26.15" customHeight="1">
      <c r="B16" s="64"/>
      <c r="C16" s="60"/>
      <c r="D16" s="97" t="s">
        <v>7</v>
      </c>
      <c r="E16" s="72" t="s">
        <v>8</v>
      </c>
      <c r="F16" s="72"/>
      <c r="G16" s="73"/>
      <c r="H16" s="73"/>
      <c r="I16" s="72" t="s">
        <v>9</v>
      </c>
      <c r="J16" s="72" t="s">
        <v>10</v>
      </c>
      <c r="K16" s="72"/>
      <c r="L16" s="72"/>
      <c r="M16" s="73"/>
      <c r="N16" s="74"/>
      <c r="O16" s="75" t="s">
        <v>21</v>
      </c>
      <c r="R16" s="2"/>
    </row>
    <row r="17" spans="2:18" ht="21.9" customHeight="1">
      <c r="B17" s="64"/>
      <c r="C17" s="60"/>
      <c r="D17" s="97"/>
      <c r="E17" s="96"/>
      <c r="F17" s="96"/>
      <c r="G17" s="73"/>
      <c r="H17" s="73"/>
      <c r="I17" s="72"/>
      <c r="J17" s="96"/>
      <c r="K17" s="96"/>
      <c r="L17" s="73"/>
      <c r="M17" s="73"/>
      <c r="N17" s="74"/>
      <c r="O17" s="87"/>
      <c r="R17" s="2"/>
    </row>
    <row r="18" spans="2:18" ht="26.15" customHeight="1">
      <c r="B18" s="64"/>
      <c r="C18" s="60"/>
      <c r="D18" s="106" t="s">
        <v>42</v>
      </c>
      <c r="E18" s="72" t="s">
        <v>12</v>
      </c>
      <c r="F18" s="72"/>
      <c r="G18" s="73"/>
      <c r="H18" s="73"/>
      <c r="I18" s="108" t="s">
        <v>13</v>
      </c>
      <c r="J18" s="61"/>
      <c r="K18" s="110"/>
      <c r="L18" s="110"/>
      <c r="M18" s="110"/>
      <c r="N18" s="111"/>
      <c r="O18" s="115" t="s">
        <v>40</v>
      </c>
    </row>
    <row r="19" spans="2:18" ht="26.15" customHeight="1" thickBot="1">
      <c r="B19" s="64"/>
      <c r="C19" s="61"/>
      <c r="D19" s="107"/>
      <c r="E19" s="47"/>
      <c r="F19" s="47"/>
      <c r="G19" s="49"/>
      <c r="H19" s="49"/>
      <c r="I19" s="109"/>
      <c r="J19" s="112"/>
      <c r="K19" s="113"/>
      <c r="L19" s="113"/>
      <c r="M19" s="113"/>
      <c r="N19" s="114"/>
      <c r="O19" s="116"/>
    </row>
    <row r="20" spans="2:18" ht="23.15" customHeight="1" thickBot="1">
      <c r="B20" s="65"/>
      <c r="C20" s="62"/>
      <c r="D20" s="117" t="s">
        <v>55</v>
      </c>
      <c r="E20" s="23"/>
      <c r="F20" s="23"/>
      <c r="G20" s="23"/>
      <c r="H20" s="23"/>
      <c r="I20" s="23"/>
      <c r="J20" s="23"/>
      <c r="K20" s="23"/>
      <c r="L20" s="23"/>
      <c r="M20" s="23"/>
      <c r="N20" s="23"/>
      <c r="O20" s="46"/>
    </row>
    <row r="21" spans="2:18" ht="26" thickBot="1">
      <c r="B21" s="12"/>
      <c r="C21" s="120" t="s">
        <v>14</v>
      </c>
      <c r="D21" s="78" t="s">
        <v>15</v>
      </c>
      <c r="E21" s="79"/>
      <c r="F21" s="79"/>
      <c r="G21" s="79"/>
      <c r="H21" s="79"/>
      <c r="I21" s="79"/>
      <c r="J21" s="79"/>
      <c r="K21" s="79"/>
      <c r="L21" s="79"/>
      <c r="M21" s="79"/>
      <c r="N21" s="80"/>
      <c r="O21" s="4" t="s">
        <v>16</v>
      </c>
    </row>
    <row r="22" spans="2:18">
      <c r="B22" s="13"/>
      <c r="C22" s="121"/>
      <c r="D22" s="81" t="s">
        <v>17</v>
      </c>
      <c r="E22" s="83"/>
      <c r="F22" s="83"/>
      <c r="G22" s="83"/>
      <c r="H22" s="83"/>
      <c r="I22" s="83"/>
      <c r="J22" s="83"/>
      <c r="K22" s="83"/>
      <c r="L22" s="83"/>
      <c r="M22" s="83"/>
      <c r="N22" s="84"/>
      <c r="O22" s="75" t="s">
        <v>18</v>
      </c>
    </row>
    <row r="23" spans="2:18">
      <c r="B23" s="13"/>
      <c r="C23" s="121"/>
      <c r="D23" s="70"/>
      <c r="E23" s="85"/>
      <c r="F23" s="85"/>
      <c r="G23" s="85"/>
      <c r="H23" s="85"/>
      <c r="I23" s="85"/>
      <c r="J23" s="85"/>
      <c r="K23" s="85"/>
      <c r="L23" s="85"/>
      <c r="M23" s="85"/>
      <c r="N23" s="86"/>
      <c r="O23" s="87"/>
    </row>
    <row r="24" spans="2:18" ht="42.9" customHeight="1">
      <c r="B24" s="13"/>
      <c r="C24" s="121"/>
      <c r="D24" s="82"/>
      <c r="E24" s="85" t="s">
        <v>58</v>
      </c>
      <c r="F24" s="73"/>
      <c r="G24" s="73"/>
      <c r="H24" s="73"/>
      <c r="I24" s="73"/>
      <c r="J24" s="73"/>
      <c r="K24" s="73"/>
      <c r="L24" s="73"/>
      <c r="M24" s="73"/>
      <c r="N24" s="74"/>
      <c r="O24" s="87"/>
    </row>
    <row r="25" spans="2:18">
      <c r="B25" s="13"/>
      <c r="C25" s="121"/>
      <c r="D25" s="70" t="s">
        <v>19</v>
      </c>
      <c r="E25" s="73"/>
      <c r="F25" s="73"/>
      <c r="G25" s="73"/>
      <c r="H25" s="73"/>
      <c r="I25" s="73"/>
      <c r="J25" s="73"/>
      <c r="K25" s="73"/>
      <c r="L25" s="73"/>
      <c r="M25" s="73"/>
      <c r="N25" s="74"/>
      <c r="O25" s="88"/>
    </row>
    <row r="26" spans="2:18">
      <c r="B26" s="13"/>
      <c r="C26" s="121"/>
      <c r="D26" s="70"/>
      <c r="E26" s="73"/>
      <c r="F26" s="73"/>
      <c r="G26" s="73"/>
      <c r="H26" s="73"/>
      <c r="I26" s="73"/>
      <c r="J26" s="73"/>
      <c r="K26" s="73"/>
      <c r="L26" s="73"/>
      <c r="M26" s="73"/>
      <c r="N26" s="74"/>
      <c r="O26" s="88"/>
    </row>
    <row r="27" spans="2:18">
      <c r="B27" s="13"/>
      <c r="C27" s="121"/>
      <c r="D27" s="70" t="s">
        <v>20</v>
      </c>
      <c r="E27" s="72" t="s">
        <v>29</v>
      </c>
      <c r="F27" s="72"/>
      <c r="G27" s="73"/>
      <c r="H27" s="73"/>
      <c r="I27" s="72" t="s">
        <v>22</v>
      </c>
      <c r="J27" s="72" t="s">
        <v>23</v>
      </c>
      <c r="K27" s="72"/>
      <c r="L27" s="73"/>
      <c r="M27" s="73"/>
      <c r="N27" s="74"/>
      <c r="O27" s="75" t="s">
        <v>21</v>
      </c>
    </row>
    <row r="28" spans="2:18" ht="19.5" thickBot="1">
      <c r="B28" s="13"/>
      <c r="C28" s="121"/>
      <c r="D28" s="71"/>
      <c r="E28" s="47"/>
      <c r="F28" s="47"/>
      <c r="G28" s="49"/>
      <c r="H28" s="49"/>
      <c r="I28" s="48"/>
      <c r="J28" s="47"/>
      <c r="K28" s="47"/>
      <c r="L28" s="49"/>
      <c r="M28" s="49"/>
      <c r="N28" s="77"/>
      <c r="O28" s="76"/>
    </row>
    <row r="29" spans="2:18" ht="27.9" customHeight="1" thickBot="1">
      <c r="B29" s="25"/>
      <c r="C29" s="122"/>
      <c r="D29" s="102" t="s">
        <v>55</v>
      </c>
      <c r="E29" s="103"/>
      <c r="F29" s="103"/>
      <c r="G29" s="103"/>
      <c r="H29" s="103"/>
      <c r="I29" s="103"/>
      <c r="J29" s="103"/>
      <c r="K29" s="103"/>
      <c r="L29" s="103"/>
      <c r="M29" s="103"/>
      <c r="N29" s="103"/>
      <c r="O29" s="104"/>
    </row>
    <row r="30" spans="2:18" ht="26" thickBot="1">
      <c r="B30" s="12"/>
      <c r="C30" s="123" t="s">
        <v>24</v>
      </c>
      <c r="D30" s="78" t="s">
        <v>25</v>
      </c>
      <c r="E30" s="79"/>
      <c r="F30" s="79"/>
      <c r="G30" s="79"/>
      <c r="H30" s="79"/>
      <c r="I30" s="79"/>
      <c r="J30" s="79"/>
      <c r="K30" s="79"/>
      <c r="L30" s="79"/>
      <c r="M30" s="79"/>
      <c r="N30" s="80"/>
      <c r="O30" s="10" t="s">
        <v>26</v>
      </c>
    </row>
    <row r="31" spans="2:18">
      <c r="B31" s="13"/>
      <c r="C31" s="124"/>
      <c r="D31" s="81" t="s">
        <v>27</v>
      </c>
      <c r="E31" s="89" t="s">
        <v>28</v>
      </c>
      <c r="F31" s="89"/>
      <c r="G31" s="90"/>
      <c r="H31" s="90"/>
      <c r="I31" s="91"/>
      <c r="J31" s="91"/>
      <c r="K31" s="91"/>
      <c r="L31" s="91"/>
      <c r="M31" s="91"/>
      <c r="N31" s="92"/>
      <c r="O31" s="95" t="s">
        <v>30</v>
      </c>
    </row>
    <row r="32" spans="2:18">
      <c r="B32" s="13"/>
      <c r="C32" s="124"/>
      <c r="D32" s="70"/>
      <c r="E32" s="96"/>
      <c r="F32" s="96"/>
      <c r="G32" s="73"/>
      <c r="H32" s="73"/>
      <c r="I32" s="93"/>
      <c r="J32" s="93"/>
      <c r="K32" s="93"/>
      <c r="L32" s="93"/>
      <c r="M32" s="93"/>
      <c r="N32" s="94"/>
      <c r="O32" s="87"/>
    </row>
    <row r="33" spans="2:15">
      <c r="B33" s="13"/>
      <c r="C33" s="124"/>
      <c r="D33" s="97" t="s">
        <v>45</v>
      </c>
      <c r="E33" s="85"/>
      <c r="F33" s="85"/>
      <c r="G33" s="85"/>
      <c r="H33" s="85"/>
      <c r="I33" s="85"/>
      <c r="J33" s="85"/>
      <c r="K33" s="85"/>
      <c r="L33" s="85"/>
      <c r="M33" s="85"/>
      <c r="N33" s="86"/>
      <c r="O33" s="75" t="s">
        <v>18</v>
      </c>
    </row>
    <row r="34" spans="2:15">
      <c r="B34" s="13"/>
      <c r="C34" s="124"/>
      <c r="D34" s="70"/>
      <c r="E34" s="85"/>
      <c r="F34" s="85"/>
      <c r="G34" s="85"/>
      <c r="H34" s="85"/>
      <c r="I34" s="85"/>
      <c r="J34" s="85"/>
      <c r="K34" s="85"/>
      <c r="L34" s="85"/>
      <c r="M34" s="85"/>
      <c r="N34" s="86"/>
      <c r="O34" s="87"/>
    </row>
    <row r="35" spans="2:15" ht="39" customHeight="1">
      <c r="B35" s="13"/>
      <c r="C35" s="124"/>
      <c r="D35" s="82"/>
      <c r="E35" s="85" t="s">
        <v>58</v>
      </c>
      <c r="F35" s="73"/>
      <c r="G35" s="73"/>
      <c r="H35" s="73"/>
      <c r="I35" s="73"/>
      <c r="J35" s="73"/>
      <c r="K35" s="73"/>
      <c r="L35" s="73"/>
      <c r="M35" s="73"/>
      <c r="N35" s="74"/>
      <c r="O35" s="87"/>
    </row>
    <row r="36" spans="2:15">
      <c r="B36" s="13"/>
      <c r="C36" s="124"/>
      <c r="D36" s="70" t="s">
        <v>19</v>
      </c>
      <c r="E36" s="73"/>
      <c r="F36" s="73"/>
      <c r="G36" s="73"/>
      <c r="H36" s="73"/>
      <c r="I36" s="73"/>
      <c r="J36" s="73"/>
      <c r="K36" s="73"/>
      <c r="L36" s="73"/>
      <c r="M36" s="73"/>
      <c r="N36" s="74"/>
      <c r="O36" s="88"/>
    </row>
    <row r="37" spans="2:15">
      <c r="B37" s="13"/>
      <c r="C37" s="124"/>
      <c r="D37" s="70"/>
      <c r="E37" s="73"/>
      <c r="F37" s="73"/>
      <c r="G37" s="73"/>
      <c r="H37" s="73"/>
      <c r="I37" s="73"/>
      <c r="J37" s="73"/>
      <c r="K37" s="73"/>
      <c r="L37" s="73"/>
      <c r="M37" s="73"/>
      <c r="N37" s="74"/>
      <c r="O37" s="88"/>
    </row>
    <row r="38" spans="2:15">
      <c r="B38" s="13"/>
      <c r="C38" s="124"/>
      <c r="D38" s="8" t="s">
        <v>36</v>
      </c>
      <c r="E38" s="73"/>
      <c r="F38" s="73"/>
      <c r="G38" s="73"/>
      <c r="H38" s="73"/>
      <c r="I38" s="73"/>
      <c r="J38" s="73"/>
      <c r="K38" s="73"/>
      <c r="L38" s="73"/>
      <c r="M38" s="73"/>
      <c r="N38" s="74"/>
      <c r="O38" s="5" t="s">
        <v>32</v>
      </c>
    </row>
    <row r="39" spans="2:15">
      <c r="B39" s="13"/>
      <c r="C39" s="124"/>
      <c r="D39" s="70" t="s">
        <v>20</v>
      </c>
      <c r="E39" s="72" t="s">
        <v>60</v>
      </c>
      <c r="F39" s="72"/>
      <c r="G39" s="73"/>
      <c r="H39" s="99" t="s">
        <v>31</v>
      </c>
      <c r="I39" s="72"/>
      <c r="J39" s="73"/>
      <c r="K39" s="73"/>
      <c r="L39" s="73"/>
      <c r="M39" s="73"/>
      <c r="N39" s="74"/>
      <c r="O39" s="88"/>
    </row>
    <row r="40" spans="2:15" ht="19.5" thickBot="1">
      <c r="B40" s="13"/>
      <c r="C40" s="124"/>
      <c r="D40" s="71"/>
      <c r="E40" s="47"/>
      <c r="F40" s="48"/>
      <c r="G40" s="49"/>
      <c r="H40" s="48"/>
      <c r="I40" s="48"/>
      <c r="J40" s="49"/>
      <c r="K40" s="49"/>
      <c r="L40" s="49"/>
      <c r="M40" s="49"/>
      <c r="N40" s="77"/>
      <c r="O40" s="98"/>
    </row>
    <row r="41" spans="2:15">
      <c r="B41" s="13"/>
      <c r="C41" s="124"/>
      <c r="D41" s="81" t="s">
        <v>33</v>
      </c>
      <c r="E41" s="89" t="s">
        <v>28</v>
      </c>
      <c r="F41" s="89"/>
      <c r="G41" s="90"/>
      <c r="H41" s="90"/>
      <c r="I41" s="91"/>
      <c r="J41" s="91"/>
      <c r="K41" s="91"/>
      <c r="L41" s="91"/>
      <c r="M41" s="91"/>
      <c r="N41" s="92"/>
      <c r="O41" s="95" t="s">
        <v>30</v>
      </c>
    </row>
    <row r="42" spans="2:15">
      <c r="B42" s="13"/>
      <c r="C42" s="124"/>
      <c r="D42" s="70"/>
      <c r="E42" s="96"/>
      <c r="F42" s="96"/>
      <c r="G42" s="73"/>
      <c r="H42" s="73"/>
      <c r="I42" s="93"/>
      <c r="J42" s="93"/>
      <c r="K42" s="93"/>
      <c r="L42" s="93"/>
      <c r="M42" s="93"/>
      <c r="N42" s="94"/>
      <c r="O42" s="87"/>
    </row>
    <row r="43" spans="2:15" ht="20.149999999999999" customHeight="1">
      <c r="B43" s="13"/>
      <c r="C43" s="124"/>
      <c r="D43" s="97" t="s">
        <v>45</v>
      </c>
      <c r="E43" s="85"/>
      <c r="F43" s="85"/>
      <c r="G43" s="85"/>
      <c r="H43" s="85"/>
      <c r="I43" s="85"/>
      <c r="J43" s="85"/>
      <c r="K43" s="85"/>
      <c r="L43" s="85"/>
      <c r="M43" s="85"/>
      <c r="N43" s="86"/>
      <c r="O43" s="75" t="s">
        <v>18</v>
      </c>
    </row>
    <row r="44" spans="2:15">
      <c r="B44" s="13"/>
      <c r="C44" s="124"/>
      <c r="D44" s="70"/>
      <c r="E44" s="85"/>
      <c r="F44" s="85"/>
      <c r="G44" s="85"/>
      <c r="H44" s="85"/>
      <c r="I44" s="85"/>
      <c r="J44" s="85"/>
      <c r="K44" s="85"/>
      <c r="L44" s="85"/>
      <c r="M44" s="85"/>
      <c r="N44" s="86"/>
      <c r="O44" s="87"/>
    </row>
    <row r="45" spans="2:15" ht="39.9" customHeight="1">
      <c r="B45" s="13"/>
      <c r="C45" s="124"/>
      <c r="D45" s="82"/>
      <c r="E45" s="85" t="s">
        <v>58</v>
      </c>
      <c r="F45" s="73"/>
      <c r="G45" s="73"/>
      <c r="H45" s="73"/>
      <c r="I45" s="73"/>
      <c r="J45" s="73"/>
      <c r="K45" s="73"/>
      <c r="L45" s="73"/>
      <c r="M45" s="73"/>
      <c r="N45" s="74"/>
      <c r="O45" s="87"/>
    </row>
    <row r="46" spans="2:15">
      <c r="B46" s="13"/>
      <c r="C46" s="124"/>
      <c r="D46" s="70" t="s">
        <v>19</v>
      </c>
      <c r="E46" s="73"/>
      <c r="F46" s="73"/>
      <c r="G46" s="73"/>
      <c r="H46" s="73"/>
      <c r="I46" s="73"/>
      <c r="J46" s="73"/>
      <c r="K46" s="73"/>
      <c r="L46" s="73"/>
      <c r="M46" s="73"/>
      <c r="N46" s="74"/>
      <c r="O46" s="88"/>
    </row>
    <row r="47" spans="2:15">
      <c r="B47" s="13"/>
      <c r="C47" s="124"/>
      <c r="D47" s="70"/>
      <c r="E47" s="73"/>
      <c r="F47" s="73"/>
      <c r="G47" s="73"/>
      <c r="H47" s="73"/>
      <c r="I47" s="73"/>
      <c r="J47" s="73"/>
      <c r="K47" s="73"/>
      <c r="L47" s="73"/>
      <c r="M47" s="73"/>
      <c r="N47" s="74"/>
      <c r="O47" s="88"/>
    </row>
    <row r="48" spans="2:15">
      <c r="B48" s="13"/>
      <c r="C48" s="124"/>
      <c r="D48" s="8" t="s">
        <v>36</v>
      </c>
      <c r="E48" s="73"/>
      <c r="F48" s="73"/>
      <c r="G48" s="73"/>
      <c r="H48" s="73"/>
      <c r="I48" s="73"/>
      <c r="J48" s="73"/>
      <c r="K48" s="73"/>
      <c r="L48" s="73"/>
      <c r="M48" s="73"/>
      <c r="N48" s="74"/>
      <c r="O48" s="5" t="s">
        <v>32</v>
      </c>
    </row>
    <row r="49" spans="2:15">
      <c r="B49" s="13"/>
      <c r="C49" s="124"/>
      <c r="D49" s="70" t="s">
        <v>20</v>
      </c>
      <c r="E49" s="72" t="s">
        <v>60</v>
      </c>
      <c r="F49" s="72"/>
      <c r="G49" s="73"/>
      <c r="H49" s="99" t="s">
        <v>31</v>
      </c>
      <c r="I49" s="72"/>
      <c r="J49" s="73"/>
      <c r="K49" s="73"/>
      <c r="L49" s="73"/>
      <c r="M49" s="73"/>
      <c r="N49" s="74"/>
      <c r="O49" s="88"/>
    </row>
    <row r="50" spans="2:15" ht="19.5" thickBot="1">
      <c r="B50" s="13"/>
      <c r="C50" s="124"/>
      <c r="D50" s="71"/>
      <c r="E50" s="47"/>
      <c r="F50" s="48"/>
      <c r="G50" s="49"/>
      <c r="H50" s="48"/>
      <c r="I50" s="48"/>
      <c r="J50" s="49"/>
      <c r="K50" s="49"/>
      <c r="L50" s="49"/>
      <c r="M50" s="49"/>
      <c r="N50" s="77"/>
      <c r="O50" s="98"/>
    </row>
    <row r="51" spans="2:15">
      <c r="B51" s="13"/>
      <c r="C51" s="124"/>
      <c r="D51" s="81" t="s">
        <v>34</v>
      </c>
      <c r="E51" s="89" t="s">
        <v>28</v>
      </c>
      <c r="F51" s="89"/>
      <c r="G51" s="90"/>
      <c r="H51" s="90"/>
      <c r="I51" s="91"/>
      <c r="J51" s="91"/>
      <c r="K51" s="91"/>
      <c r="L51" s="91"/>
      <c r="M51" s="91"/>
      <c r="N51" s="92"/>
      <c r="O51" s="95" t="s">
        <v>30</v>
      </c>
    </row>
    <row r="52" spans="2:15">
      <c r="B52" s="13"/>
      <c r="C52" s="124"/>
      <c r="D52" s="70"/>
      <c r="E52" s="96"/>
      <c r="F52" s="96"/>
      <c r="G52" s="73"/>
      <c r="H52" s="73"/>
      <c r="I52" s="93"/>
      <c r="J52" s="93"/>
      <c r="K52" s="93"/>
      <c r="L52" s="93"/>
      <c r="M52" s="93"/>
      <c r="N52" s="94"/>
      <c r="O52" s="87"/>
    </row>
    <row r="53" spans="2:15" ht="20.149999999999999" customHeight="1">
      <c r="B53" s="13"/>
      <c r="C53" s="124"/>
      <c r="D53" s="97" t="s">
        <v>45</v>
      </c>
      <c r="E53" s="85"/>
      <c r="F53" s="85"/>
      <c r="G53" s="85"/>
      <c r="H53" s="85"/>
      <c r="I53" s="85"/>
      <c r="J53" s="85"/>
      <c r="K53" s="85"/>
      <c r="L53" s="85"/>
      <c r="M53" s="85"/>
      <c r="N53" s="86"/>
      <c r="O53" s="75" t="s">
        <v>18</v>
      </c>
    </row>
    <row r="54" spans="2:15">
      <c r="B54" s="13"/>
      <c r="C54" s="124"/>
      <c r="D54" s="70"/>
      <c r="E54" s="85"/>
      <c r="F54" s="85"/>
      <c r="G54" s="85"/>
      <c r="H54" s="85"/>
      <c r="I54" s="85"/>
      <c r="J54" s="85"/>
      <c r="K54" s="85"/>
      <c r="L54" s="85"/>
      <c r="M54" s="85"/>
      <c r="N54" s="86"/>
      <c r="O54" s="87"/>
    </row>
    <row r="55" spans="2:15" ht="39" customHeight="1">
      <c r="B55" s="13"/>
      <c r="C55" s="124"/>
      <c r="D55" s="82"/>
      <c r="E55" s="85" t="s">
        <v>58</v>
      </c>
      <c r="F55" s="73"/>
      <c r="G55" s="73"/>
      <c r="H55" s="73"/>
      <c r="I55" s="73"/>
      <c r="J55" s="73"/>
      <c r="K55" s="73"/>
      <c r="L55" s="73"/>
      <c r="M55" s="73"/>
      <c r="N55" s="74"/>
      <c r="O55" s="87"/>
    </row>
    <row r="56" spans="2:15">
      <c r="B56" s="13"/>
      <c r="C56" s="124"/>
      <c r="D56" s="70" t="s">
        <v>19</v>
      </c>
      <c r="E56" s="73"/>
      <c r="F56" s="73"/>
      <c r="G56" s="73"/>
      <c r="H56" s="73"/>
      <c r="I56" s="73"/>
      <c r="J56" s="73"/>
      <c r="K56" s="73"/>
      <c r="L56" s="73"/>
      <c r="M56" s="73"/>
      <c r="N56" s="74"/>
      <c r="O56" s="88"/>
    </row>
    <row r="57" spans="2:15">
      <c r="B57" s="13"/>
      <c r="C57" s="124"/>
      <c r="D57" s="70"/>
      <c r="E57" s="73"/>
      <c r="F57" s="73"/>
      <c r="G57" s="73"/>
      <c r="H57" s="73"/>
      <c r="I57" s="73"/>
      <c r="J57" s="73"/>
      <c r="K57" s="73"/>
      <c r="L57" s="73"/>
      <c r="M57" s="73"/>
      <c r="N57" s="74"/>
      <c r="O57" s="88"/>
    </row>
    <row r="58" spans="2:15">
      <c r="B58" s="13"/>
      <c r="C58" s="124"/>
      <c r="D58" s="8" t="s">
        <v>36</v>
      </c>
      <c r="E58" s="73"/>
      <c r="F58" s="73"/>
      <c r="G58" s="73"/>
      <c r="H58" s="73"/>
      <c r="I58" s="73"/>
      <c r="J58" s="73"/>
      <c r="K58" s="73"/>
      <c r="L58" s="73"/>
      <c r="M58" s="73"/>
      <c r="N58" s="74"/>
      <c r="O58" s="5" t="s">
        <v>32</v>
      </c>
    </row>
    <row r="59" spans="2:15">
      <c r="B59" s="13"/>
      <c r="C59" s="124"/>
      <c r="D59" s="50" t="s">
        <v>20</v>
      </c>
      <c r="E59" s="72" t="s">
        <v>60</v>
      </c>
      <c r="F59" s="72"/>
      <c r="G59" s="73"/>
      <c r="H59" s="52" t="s">
        <v>31</v>
      </c>
      <c r="I59" s="53"/>
      <c r="J59" s="41"/>
      <c r="K59" s="42"/>
      <c r="L59" s="42"/>
      <c r="M59" s="42"/>
      <c r="N59" s="43"/>
      <c r="O59" s="118"/>
    </row>
    <row r="60" spans="2:15" ht="19.5" thickBot="1">
      <c r="B60" s="13"/>
      <c r="C60" s="124"/>
      <c r="D60" s="51"/>
      <c r="E60" s="47"/>
      <c r="F60" s="48"/>
      <c r="G60" s="49"/>
      <c r="H60" s="54"/>
      <c r="I60" s="55"/>
      <c r="J60" s="56"/>
      <c r="K60" s="57"/>
      <c r="L60" s="57"/>
      <c r="M60" s="57"/>
      <c r="N60" s="58"/>
      <c r="O60" s="119"/>
    </row>
    <row r="61" spans="2:15" ht="19.5" thickBot="1">
      <c r="B61" s="25"/>
      <c r="C61" s="125"/>
      <c r="D61" s="102" t="s">
        <v>56</v>
      </c>
      <c r="E61" s="103"/>
      <c r="F61" s="103"/>
      <c r="G61" s="103"/>
      <c r="H61" s="103"/>
      <c r="I61" s="103"/>
      <c r="J61" s="103"/>
      <c r="K61" s="103"/>
      <c r="L61" s="103"/>
      <c r="M61" s="103"/>
      <c r="N61" s="103"/>
      <c r="O61" s="104"/>
    </row>
    <row r="62" spans="2:15" ht="26" thickBot="1">
      <c r="B62" s="12"/>
      <c r="C62" s="123" t="s">
        <v>35</v>
      </c>
      <c r="D62" s="78" t="s">
        <v>44</v>
      </c>
      <c r="E62" s="79"/>
      <c r="F62" s="79"/>
      <c r="G62" s="79"/>
      <c r="H62" s="79"/>
      <c r="I62" s="79"/>
      <c r="J62" s="79"/>
      <c r="K62" s="79"/>
      <c r="L62" s="79"/>
      <c r="M62" s="79"/>
      <c r="N62" s="80"/>
      <c r="O62" s="4" t="s">
        <v>16</v>
      </c>
    </row>
    <row r="63" spans="2:15">
      <c r="B63" s="13"/>
      <c r="C63" s="124"/>
      <c r="D63" s="81" t="s">
        <v>17</v>
      </c>
      <c r="E63" s="83"/>
      <c r="F63" s="83"/>
      <c r="G63" s="83"/>
      <c r="H63" s="83"/>
      <c r="I63" s="83"/>
      <c r="J63" s="83"/>
      <c r="K63" s="83"/>
      <c r="L63" s="83"/>
      <c r="M63" s="83"/>
      <c r="N63" s="84"/>
      <c r="O63" s="75" t="s">
        <v>18</v>
      </c>
    </row>
    <row r="64" spans="2:15">
      <c r="B64" s="13"/>
      <c r="C64" s="124"/>
      <c r="D64" s="70"/>
      <c r="E64" s="85"/>
      <c r="F64" s="85"/>
      <c r="G64" s="85"/>
      <c r="H64" s="85"/>
      <c r="I64" s="85"/>
      <c r="J64" s="85"/>
      <c r="K64" s="85"/>
      <c r="L64" s="85"/>
      <c r="M64" s="85"/>
      <c r="N64" s="86"/>
      <c r="O64" s="87"/>
    </row>
    <row r="65" spans="2:15" ht="38.15" customHeight="1">
      <c r="B65" s="13"/>
      <c r="C65" s="124"/>
      <c r="D65" s="82"/>
      <c r="E65" s="85" t="s">
        <v>58</v>
      </c>
      <c r="F65" s="73"/>
      <c r="G65" s="73"/>
      <c r="H65" s="73"/>
      <c r="I65" s="73"/>
      <c r="J65" s="73"/>
      <c r="K65" s="73"/>
      <c r="L65" s="73"/>
      <c r="M65" s="73"/>
      <c r="N65" s="74"/>
      <c r="O65" s="87"/>
    </row>
    <row r="66" spans="2:15">
      <c r="B66" s="13"/>
      <c r="C66" s="124"/>
      <c r="D66" s="70" t="s">
        <v>19</v>
      </c>
      <c r="E66" s="73"/>
      <c r="F66" s="73"/>
      <c r="G66" s="73"/>
      <c r="H66" s="73"/>
      <c r="I66" s="73"/>
      <c r="J66" s="73"/>
      <c r="K66" s="73"/>
      <c r="L66" s="73"/>
      <c r="M66" s="73"/>
      <c r="N66" s="74"/>
      <c r="O66" s="88"/>
    </row>
    <row r="67" spans="2:15">
      <c r="B67" s="13"/>
      <c r="C67" s="124"/>
      <c r="D67" s="70"/>
      <c r="E67" s="73"/>
      <c r="F67" s="73"/>
      <c r="G67" s="73"/>
      <c r="H67" s="73"/>
      <c r="I67" s="73"/>
      <c r="J67" s="73"/>
      <c r="K67" s="73"/>
      <c r="L67" s="73"/>
      <c r="M67" s="73"/>
      <c r="N67" s="74"/>
      <c r="O67" s="88"/>
    </row>
    <row r="68" spans="2:15">
      <c r="B68" s="13"/>
      <c r="C68" s="124"/>
      <c r="D68" s="70" t="s">
        <v>20</v>
      </c>
      <c r="E68" s="72" t="s">
        <v>29</v>
      </c>
      <c r="F68" s="72"/>
      <c r="G68" s="73"/>
      <c r="H68" s="73"/>
      <c r="I68" s="72" t="s">
        <v>22</v>
      </c>
      <c r="J68" s="72" t="s">
        <v>23</v>
      </c>
      <c r="K68" s="72"/>
      <c r="L68" s="73"/>
      <c r="M68" s="73"/>
      <c r="N68" s="74"/>
      <c r="O68" s="75" t="s">
        <v>21</v>
      </c>
    </row>
    <row r="69" spans="2:15" ht="19.5" thickBot="1">
      <c r="B69" s="13"/>
      <c r="C69" s="124"/>
      <c r="D69" s="71"/>
      <c r="E69" s="47"/>
      <c r="F69" s="47"/>
      <c r="G69" s="49"/>
      <c r="H69" s="49"/>
      <c r="I69" s="48"/>
      <c r="J69" s="47"/>
      <c r="K69" s="47"/>
      <c r="L69" s="49"/>
      <c r="M69" s="49"/>
      <c r="N69" s="77"/>
      <c r="O69" s="76"/>
    </row>
    <row r="70" spans="2:15" ht="19.5" thickBot="1">
      <c r="B70" s="25"/>
      <c r="C70" s="125"/>
      <c r="D70" s="102" t="s">
        <v>55</v>
      </c>
      <c r="E70" s="103"/>
      <c r="F70" s="103"/>
      <c r="G70" s="103"/>
      <c r="H70" s="103"/>
      <c r="I70" s="103"/>
      <c r="J70" s="103"/>
      <c r="K70" s="103"/>
      <c r="L70" s="103"/>
      <c r="M70" s="103"/>
      <c r="N70" s="103"/>
      <c r="O70" s="104"/>
    </row>
    <row r="71" spans="2:15" ht="26" thickBot="1">
      <c r="B71" s="12"/>
      <c r="C71" s="123" t="s">
        <v>37</v>
      </c>
      <c r="D71" s="78" t="s">
        <v>59</v>
      </c>
      <c r="E71" s="79"/>
      <c r="F71" s="79"/>
      <c r="G71" s="79"/>
      <c r="H71" s="79"/>
      <c r="I71" s="79"/>
      <c r="J71" s="79"/>
      <c r="K71" s="79"/>
      <c r="L71" s="79"/>
      <c r="M71" s="79"/>
      <c r="N71" s="80"/>
      <c r="O71" s="4" t="s">
        <v>38</v>
      </c>
    </row>
    <row r="72" spans="2:15">
      <c r="B72" s="13"/>
      <c r="C72" s="124"/>
      <c r="D72" s="81" t="s">
        <v>43</v>
      </c>
      <c r="E72" s="72" t="s">
        <v>29</v>
      </c>
      <c r="F72" s="72"/>
      <c r="G72" s="73"/>
      <c r="H72" s="73"/>
      <c r="I72" s="91"/>
      <c r="J72" s="91"/>
      <c r="K72" s="91"/>
      <c r="L72" s="91"/>
      <c r="M72" s="91"/>
      <c r="N72" s="92"/>
      <c r="O72" s="6"/>
    </row>
    <row r="73" spans="2:15" ht="19.5" thickBot="1">
      <c r="B73" s="13"/>
      <c r="C73" s="124"/>
      <c r="D73" s="71"/>
      <c r="E73" s="47"/>
      <c r="F73" s="47"/>
      <c r="G73" s="49"/>
      <c r="H73" s="49"/>
      <c r="I73" s="100"/>
      <c r="J73" s="100"/>
      <c r="K73" s="100"/>
      <c r="L73" s="100"/>
      <c r="M73" s="100"/>
      <c r="N73" s="101"/>
      <c r="O73" s="7"/>
    </row>
    <row r="74" spans="2:15" ht="19.5" thickBot="1">
      <c r="B74" s="25"/>
      <c r="C74" s="125"/>
      <c r="D74" s="102" t="s">
        <v>57</v>
      </c>
      <c r="E74" s="103"/>
      <c r="F74" s="103"/>
      <c r="G74" s="103"/>
      <c r="H74" s="103"/>
      <c r="I74" s="103"/>
      <c r="J74" s="103"/>
      <c r="K74" s="103"/>
      <c r="L74" s="103"/>
      <c r="M74" s="103"/>
      <c r="N74" s="103"/>
      <c r="O74" s="104"/>
    </row>
    <row r="77" spans="2:15" ht="41.5" thickBot="1">
      <c r="B77" s="9" t="s">
        <v>52</v>
      </c>
    </row>
    <row r="78" spans="2:15">
      <c r="B78" s="12"/>
      <c r="C78" s="14" t="s">
        <v>47</v>
      </c>
      <c r="D78" s="20"/>
      <c r="E78" s="20"/>
      <c r="F78" s="20"/>
      <c r="G78" s="20"/>
      <c r="H78" s="20"/>
      <c r="I78" s="20"/>
      <c r="J78" s="20"/>
      <c r="K78" s="20"/>
      <c r="L78" s="20"/>
      <c r="M78" s="20"/>
      <c r="N78" s="20"/>
      <c r="O78" s="21"/>
    </row>
    <row r="79" spans="2:15" ht="19.5" thickBot="1">
      <c r="B79" s="25"/>
      <c r="C79" s="22"/>
      <c r="D79" s="23"/>
      <c r="E79" s="23"/>
      <c r="F79" s="23"/>
      <c r="G79" s="23"/>
      <c r="H79" s="23"/>
      <c r="I79" s="23"/>
      <c r="J79" s="23"/>
      <c r="K79" s="23"/>
      <c r="L79" s="23"/>
      <c r="M79" s="23"/>
      <c r="N79" s="23"/>
      <c r="O79" s="24"/>
    </row>
    <row r="80" spans="2:15">
      <c r="B80" s="12"/>
      <c r="C80" s="14" t="s">
        <v>48</v>
      </c>
      <c r="D80" s="15"/>
      <c r="E80" s="15"/>
      <c r="F80" s="15"/>
      <c r="G80" s="15"/>
      <c r="H80" s="15"/>
      <c r="I80" s="15"/>
      <c r="J80" s="15"/>
      <c r="K80" s="15"/>
      <c r="L80" s="15"/>
      <c r="M80" s="15"/>
      <c r="N80" s="15"/>
      <c r="O80" s="16"/>
    </row>
    <row r="81" spans="2:15">
      <c r="B81" s="13"/>
      <c r="C81" s="17"/>
      <c r="D81" s="18"/>
      <c r="E81" s="18"/>
      <c r="F81" s="18"/>
      <c r="G81" s="18"/>
      <c r="H81" s="18"/>
      <c r="I81" s="18"/>
      <c r="J81" s="18"/>
      <c r="K81" s="18"/>
      <c r="L81" s="18"/>
      <c r="M81" s="18"/>
      <c r="N81" s="18"/>
      <c r="O81" s="19"/>
    </row>
    <row r="82" spans="2:15">
      <c r="B82" s="13"/>
      <c r="C82" s="17"/>
      <c r="D82" s="18"/>
      <c r="E82" s="18"/>
      <c r="F82" s="18"/>
      <c r="G82" s="18"/>
      <c r="H82" s="18"/>
      <c r="I82" s="18"/>
      <c r="J82" s="18"/>
      <c r="K82" s="18"/>
      <c r="L82" s="18"/>
      <c r="M82" s="18"/>
      <c r="N82" s="18"/>
      <c r="O82" s="19"/>
    </row>
    <row r="83" spans="2:15" ht="19.5" thickBot="1">
      <c r="B83" s="13"/>
      <c r="C83" s="17"/>
      <c r="D83" s="18"/>
      <c r="E83" s="18"/>
      <c r="F83" s="18"/>
      <c r="G83" s="18"/>
      <c r="H83" s="18"/>
      <c r="I83" s="18"/>
      <c r="J83" s="18"/>
      <c r="K83" s="18"/>
      <c r="L83" s="18"/>
      <c r="M83" s="18"/>
      <c r="N83" s="18"/>
      <c r="O83" s="19"/>
    </row>
    <row r="84" spans="2:15" ht="28.5">
      <c r="B84" s="26" t="s">
        <v>49</v>
      </c>
      <c r="C84" s="27"/>
      <c r="D84" s="27"/>
      <c r="E84" s="27"/>
      <c r="F84" s="32"/>
      <c r="G84" s="32"/>
      <c r="H84" s="33"/>
      <c r="I84" s="26" t="s">
        <v>50</v>
      </c>
      <c r="J84" s="27"/>
      <c r="K84" s="27"/>
      <c r="L84" s="38"/>
      <c r="M84" s="39"/>
      <c r="N84" s="39"/>
      <c r="O84" s="40"/>
    </row>
    <row r="85" spans="2:15">
      <c r="B85" s="28"/>
      <c r="C85" s="29"/>
      <c r="D85" s="29"/>
      <c r="E85" s="34"/>
      <c r="F85" s="34"/>
      <c r="G85" s="34"/>
      <c r="H85" s="35"/>
      <c r="I85" s="28" t="s">
        <v>51</v>
      </c>
      <c r="J85" s="29"/>
      <c r="K85" s="29"/>
      <c r="L85" s="41"/>
      <c r="M85" s="42"/>
      <c r="N85" s="42"/>
      <c r="O85" s="43"/>
    </row>
    <row r="86" spans="2:15" ht="39" customHeight="1" thickBot="1">
      <c r="B86" s="30"/>
      <c r="C86" s="31"/>
      <c r="D86" s="31"/>
      <c r="E86" s="36"/>
      <c r="F86" s="36"/>
      <c r="G86" s="36"/>
      <c r="H86" s="37"/>
      <c r="I86" s="30"/>
      <c r="J86" s="31"/>
      <c r="K86" s="31"/>
      <c r="L86" s="44"/>
      <c r="M86" s="45"/>
      <c r="N86" s="45"/>
      <c r="O86" s="46"/>
    </row>
  </sheetData>
  <mergeCells count="137">
    <mergeCell ref="O18:O19"/>
    <mergeCell ref="D20:O20"/>
    <mergeCell ref="O59:O60"/>
    <mergeCell ref="D61:O61"/>
    <mergeCell ref="D74:O74"/>
    <mergeCell ref="B21:B29"/>
    <mergeCell ref="C21:C29"/>
    <mergeCell ref="B30:B61"/>
    <mergeCell ref="C30:C61"/>
    <mergeCell ref="B62:B70"/>
    <mergeCell ref="C62:C70"/>
    <mergeCell ref="C71:C74"/>
    <mergeCell ref="B71:B74"/>
    <mergeCell ref="D30:N30"/>
    <mergeCell ref="D33:D35"/>
    <mergeCell ref="E33:N34"/>
    <mergeCell ref="O22:O24"/>
    <mergeCell ref="O25:O26"/>
    <mergeCell ref="O27:O28"/>
    <mergeCell ref="O33:O35"/>
    <mergeCell ref="E35:N35"/>
    <mergeCell ref="D36:D37"/>
    <mergeCell ref="E36:N37"/>
    <mergeCell ref="O36:O37"/>
    <mergeCell ref="D31:D32"/>
    <mergeCell ref="E31:H31"/>
    <mergeCell ref="E32:H32"/>
    <mergeCell ref="I31:N32"/>
    <mergeCell ref="D13:N13"/>
    <mergeCell ref="D14:D15"/>
    <mergeCell ref="E14:N15"/>
    <mergeCell ref="O14:O15"/>
    <mergeCell ref="D71:N71"/>
    <mergeCell ref="O16:O17"/>
    <mergeCell ref="E18:H18"/>
    <mergeCell ref="E16:H16"/>
    <mergeCell ref="E17:H17"/>
    <mergeCell ref="I16:I17"/>
    <mergeCell ref="J16:N16"/>
    <mergeCell ref="J17:N17"/>
    <mergeCell ref="D16:D17"/>
    <mergeCell ref="E19:H19"/>
    <mergeCell ref="D18:D19"/>
    <mergeCell ref="I18:I19"/>
    <mergeCell ref="J18:N19"/>
    <mergeCell ref="I41:N42"/>
    <mergeCell ref="O41:O42"/>
    <mergeCell ref="E42:H42"/>
    <mergeCell ref="D72:D73"/>
    <mergeCell ref="E72:H72"/>
    <mergeCell ref="E73:H73"/>
    <mergeCell ref="I72:N73"/>
    <mergeCell ref="D29:O29"/>
    <mergeCell ref="D70:O70"/>
    <mergeCell ref="D21:N21"/>
    <mergeCell ref="E22:N23"/>
    <mergeCell ref="E24:N24"/>
    <mergeCell ref="D22:D24"/>
    <mergeCell ref="J27:N27"/>
    <mergeCell ref="J28:N28"/>
    <mergeCell ref="D25:D26"/>
    <mergeCell ref="E25:N26"/>
    <mergeCell ref="D27:D28"/>
    <mergeCell ref="E27:H27"/>
    <mergeCell ref="E28:H28"/>
    <mergeCell ref="I27:I28"/>
    <mergeCell ref="O31:O32"/>
    <mergeCell ref="J39:N40"/>
    <mergeCell ref="E38:N38"/>
    <mergeCell ref="O39:O40"/>
    <mergeCell ref="D41:D42"/>
    <mergeCell ref="E41:H41"/>
    <mergeCell ref="D39:D40"/>
    <mergeCell ref="E39:G39"/>
    <mergeCell ref="E40:G40"/>
    <mergeCell ref="H39:I40"/>
    <mergeCell ref="E48:N48"/>
    <mergeCell ref="D49:D50"/>
    <mergeCell ref="E49:G49"/>
    <mergeCell ref="H49:I50"/>
    <mergeCell ref="J49:N50"/>
    <mergeCell ref="O49:O50"/>
    <mergeCell ref="E50:G50"/>
    <mergeCell ref="D43:D45"/>
    <mergeCell ref="E43:N44"/>
    <mergeCell ref="O43:O45"/>
    <mergeCell ref="E45:N45"/>
    <mergeCell ref="D46:D47"/>
    <mergeCell ref="E46:N47"/>
    <mergeCell ref="O46:O47"/>
    <mergeCell ref="E59:G59"/>
    <mergeCell ref="D51:D52"/>
    <mergeCell ref="E51:H51"/>
    <mergeCell ref="I51:N52"/>
    <mergeCell ref="O51:O52"/>
    <mergeCell ref="E52:H52"/>
    <mergeCell ref="D53:D55"/>
    <mergeCell ref="E53:N54"/>
    <mergeCell ref="O53:O55"/>
    <mergeCell ref="E55:N55"/>
    <mergeCell ref="E56:N57"/>
    <mergeCell ref="O56:O57"/>
    <mergeCell ref="E58:N58"/>
    <mergeCell ref="E60:G60"/>
    <mergeCell ref="D59:D60"/>
    <mergeCell ref="H59:I60"/>
    <mergeCell ref="J59:N60"/>
    <mergeCell ref="C13:C20"/>
    <mergeCell ref="B13:B20"/>
    <mergeCell ref="B12:N12"/>
    <mergeCell ref="B5:O5"/>
    <mergeCell ref="D68:D69"/>
    <mergeCell ref="E68:H68"/>
    <mergeCell ref="I68:I69"/>
    <mergeCell ref="J68:N68"/>
    <mergeCell ref="O68:O69"/>
    <mergeCell ref="E69:H69"/>
    <mergeCell ref="J69:N69"/>
    <mergeCell ref="D62:N62"/>
    <mergeCell ref="D63:D65"/>
    <mergeCell ref="E63:N64"/>
    <mergeCell ref="O63:O65"/>
    <mergeCell ref="E65:N65"/>
    <mergeCell ref="D66:D67"/>
    <mergeCell ref="E66:N67"/>
    <mergeCell ref="O66:O67"/>
    <mergeCell ref="D56:D57"/>
    <mergeCell ref="B80:B83"/>
    <mergeCell ref="C80:O83"/>
    <mergeCell ref="C78:O79"/>
    <mergeCell ref="B78:B79"/>
    <mergeCell ref="B84:D86"/>
    <mergeCell ref="E84:H86"/>
    <mergeCell ref="I84:K84"/>
    <mergeCell ref="I85:K86"/>
    <mergeCell ref="L84:O84"/>
    <mergeCell ref="L85:O86"/>
  </mergeCells>
  <phoneticPr fontId="1"/>
  <dataValidations count="8">
    <dataValidation type="list" allowBlank="1" showInputMessage="1" showErrorMessage="1" sqref="E17:F17" xr:uid="{31A0B3A1-5FAE-6245-9E4C-93601942F230}">
      <formula1>"責任医師,責任歯科医師,分担医師,分担歯科医師"</formula1>
    </dataValidation>
    <dataValidation type="list" allowBlank="1" showInputMessage="1" showErrorMessage="1" sqref="J17:L17" xr:uid="{64D141A7-DEA1-3F45-B5FC-801A083538B9}">
      <formula1>"遺伝子治療臨床研究,再生医療臨床研究,再生医療等製品治験（含遺伝子治療）"</formula1>
    </dataValidation>
    <dataValidation type="list" allowBlank="1" showInputMessage="1" showErrorMessage="1" sqref="E19:H19" xr:uid="{139D0516-CCAD-5843-B14A-8846DD057C25}">
      <formula1>"ClinicalTrial.gov,jRCT,JAPIC,JMACCT,UMINCTR,その他"</formula1>
    </dataValidation>
    <dataValidation type="list" allowBlank="1" showInputMessage="1" showErrorMessage="1" sqref="J28:N28 J69:N69" xr:uid="{E2900B05-8F12-8348-95EC-9C61B263F9B6}">
      <formula1>"Plenary Session,一般演題（口演）,一般演題（ポスター）,シンポジウム（ジョイントを含む）,教育講演,理事長・会長講演,理事長・会長企画セッション"</formula1>
    </dataValidation>
    <dataValidation type="list" allowBlank="1" showInputMessage="1" showErrorMessage="1" sqref="E32:H32 E42:H42 E52:H52" xr:uid="{F8FE389D-7B05-944A-B010-E95353B2261C}">
      <formula1>"筆頭著者・責任著者,共同著者"</formula1>
    </dataValidation>
    <dataValidation type="list" allowBlank="1" showInputMessage="1" showErrorMessage="1" sqref="E69:H69" xr:uid="{53E673D9-8550-4E8A-B7A0-83FB553E9814}">
      <formula1>"JSGCT2024,JSGCT2023,JSGCT2022,JSGCT2021"</formula1>
    </dataValidation>
    <dataValidation type="list" allowBlank="1" showInputMessage="1" showErrorMessage="1" sqref="E73:H73" xr:uid="{1D12775A-AD90-4328-89B5-F03DD630EAD5}">
      <formula1>"JSGCT2025,JSGCT2024"</formula1>
    </dataValidation>
    <dataValidation type="list" allowBlank="1" showInputMessage="1" showErrorMessage="1" sqref="E28:H28" xr:uid="{FD3587B7-EE7E-4F7C-8287-49912BC9D9C6}">
      <formula1>"JSGCT2024,JSGCT2023,JSGCT2022"</formula1>
    </dataValidation>
  </dataValidations>
  <pageMargins left="0.7" right="0.7" top="0.75" bottom="0.75" header="0.3" footer="0.3"/>
  <pageSetup paperSize="9" scale="35"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6" r:id="rId4" name="Check Box 2">
              <controlPr defaultSize="0" autoFill="0" autoLine="0" autoPict="0">
                <anchor moveWithCells="1">
                  <from>
                    <xdr:col>1</xdr:col>
                    <xdr:colOff>114300</xdr:colOff>
                    <xdr:row>14</xdr:row>
                    <xdr:rowOff>120650</xdr:rowOff>
                  </from>
                  <to>
                    <xdr:col>1</xdr:col>
                    <xdr:colOff>488950</xdr:colOff>
                    <xdr:row>15</xdr:row>
                    <xdr:rowOff>234950</xdr:rowOff>
                  </to>
                </anchor>
              </controlPr>
            </control>
          </mc:Choice>
        </mc:AlternateContent>
        <mc:AlternateContent xmlns:mc="http://schemas.openxmlformats.org/markup-compatibility/2006">
          <mc:Choice Requires="x14">
            <control shapeId="1027" r:id="rId5" name="Check Box 3">
              <controlPr defaultSize="0" autoFill="0" autoLine="0" autoPict="0">
                <anchor moveWithCells="1">
                  <from>
                    <xdr:col>1</xdr:col>
                    <xdr:colOff>107950</xdr:colOff>
                    <xdr:row>24</xdr:row>
                    <xdr:rowOff>31750</xdr:rowOff>
                  </from>
                  <to>
                    <xdr:col>1</xdr:col>
                    <xdr:colOff>463550</xdr:colOff>
                    <xdr:row>25</xdr:row>
                    <xdr:rowOff>152400</xdr:rowOff>
                  </to>
                </anchor>
              </controlPr>
            </control>
          </mc:Choice>
        </mc:AlternateContent>
        <mc:AlternateContent xmlns:mc="http://schemas.openxmlformats.org/markup-compatibility/2006">
          <mc:Choice Requires="x14">
            <control shapeId="1028" r:id="rId6" name="Check Box 4">
              <controlPr defaultSize="0" autoFill="0" autoLine="0" autoPict="0">
                <anchor moveWithCells="1">
                  <from>
                    <xdr:col>1</xdr:col>
                    <xdr:colOff>114300</xdr:colOff>
                    <xdr:row>43</xdr:row>
                    <xdr:rowOff>120650</xdr:rowOff>
                  </from>
                  <to>
                    <xdr:col>1</xdr:col>
                    <xdr:colOff>488950</xdr:colOff>
                    <xdr:row>44</xdr:row>
                    <xdr:rowOff>260350</xdr:rowOff>
                  </to>
                </anchor>
              </controlPr>
            </control>
          </mc:Choice>
        </mc:AlternateContent>
        <mc:AlternateContent xmlns:mc="http://schemas.openxmlformats.org/markup-compatibility/2006">
          <mc:Choice Requires="x14">
            <control shapeId="1029" r:id="rId7" name="Check Box 5">
              <controlPr defaultSize="0" autoFill="0" autoLine="0" autoPict="0">
                <anchor moveWithCells="1">
                  <from>
                    <xdr:col>1</xdr:col>
                    <xdr:colOff>107950</xdr:colOff>
                    <xdr:row>64</xdr:row>
                    <xdr:rowOff>260350</xdr:rowOff>
                  </from>
                  <to>
                    <xdr:col>1</xdr:col>
                    <xdr:colOff>463550</xdr:colOff>
                    <xdr:row>65</xdr:row>
                    <xdr:rowOff>152400</xdr:rowOff>
                  </to>
                </anchor>
              </controlPr>
            </control>
          </mc:Choice>
        </mc:AlternateContent>
        <mc:AlternateContent xmlns:mc="http://schemas.openxmlformats.org/markup-compatibility/2006">
          <mc:Choice Requires="x14">
            <control shapeId="1030" r:id="rId8" name="Check Box 6">
              <controlPr defaultSize="0" autoFill="0" autoLine="0" autoPict="0">
                <anchor moveWithCells="1">
                  <from>
                    <xdr:col>1</xdr:col>
                    <xdr:colOff>114300</xdr:colOff>
                    <xdr:row>71</xdr:row>
                    <xdr:rowOff>146050</xdr:rowOff>
                  </from>
                  <to>
                    <xdr:col>1</xdr:col>
                    <xdr:colOff>488950</xdr:colOff>
                    <xdr:row>73</xdr:row>
                    <xdr:rowOff>0</xdr:rowOff>
                  </to>
                </anchor>
              </controlPr>
            </control>
          </mc:Choice>
        </mc:AlternateContent>
        <mc:AlternateContent xmlns:mc="http://schemas.openxmlformats.org/markup-compatibility/2006">
          <mc:Choice Requires="x14">
            <control shapeId="1047" r:id="rId9" name="Check Box 23">
              <controlPr defaultSize="0" autoFill="0" autoLine="0" autoPict="0">
                <anchor moveWithCells="1">
                  <from>
                    <xdr:col>1</xdr:col>
                    <xdr:colOff>114300</xdr:colOff>
                    <xdr:row>77</xdr:row>
                    <xdr:rowOff>82550</xdr:rowOff>
                  </from>
                  <to>
                    <xdr:col>1</xdr:col>
                    <xdr:colOff>488950</xdr:colOff>
                    <xdr:row>78</xdr:row>
                    <xdr:rowOff>196850</xdr:rowOff>
                  </to>
                </anchor>
              </controlPr>
            </control>
          </mc:Choice>
        </mc:AlternateContent>
        <mc:AlternateContent xmlns:mc="http://schemas.openxmlformats.org/markup-compatibility/2006">
          <mc:Choice Requires="x14">
            <control shapeId="1048" r:id="rId10" name="Check Box 24">
              <controlPr defaultSize="0" autoFill="0" autoLine="0" autoPict="0">
                <anchor moveWithCells="1">
                  <from>
                    <xdr:col>1</xdr:col>
                    <xdr:colOff>114300</xdr:colOff>
                    <xdr:row>80</xdr:row>
                    <xdr:rowOff>44450</xdr:rowOff>
                  </from>
                  <to>
                    <xdr:col>1</xdr:col>
                    <xdr:colOff>488950</xdr:colOff>
                    <xdr:row>81</xdr:row>
                    <xdr:rowOff>1841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oshi Yonemitsu</dc:creator>
  <cp:keywords/>
  <dc:description/>
  <cp:lastModifiedBy>森山 隼人</cp:lastModifiedBy>
  <dcterms:created xsi:type="dcterms:W3CDTF">2023-01-17T06:14:45Z</dcterms:created>
  <dcterms:modified xsi:type="dcterms:W3CDTF">2026-02-19T09:00:50Z</dcterms:modified>
  <cp:category/>
</cp:coreProperties>
</file>